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Z:\06教育保育本庁\■庶務\元保育政策課\03保育所等公募関係\R3\01募集\03ホームページ添付\"/>
    </mc:Choice>
  </mc:AlternateContent>
  <bookViews>
    <workbookView xWindow="600" yWindow="105" windowWidth="19395" windowHeight="7845" firstSheet="8" activeTab="12"/>
  </bookViews>
  <sheets>
    <sheet name="様式１参加申込" sheetId="3" r:id="rId1"/>
    <sheet name="様式２誓約書" sheetId="4" r:id="rId2"/>
    <sheet name="様式３法人概要" sheetId="5" r:id="rId3"/>
    <sheet name="様式４履歴書（代表者）" sheetId="6" r:id="rId4"/>
    <sheet name="様式５役員名簿" sheetId="7" r:id="rId5"/>
    <sheet name="様式6履歴書（施設長）" sheetId="9" r:id="rId6"/>
    <sheet name="様式7職員配置" sheetId="10" r:id="rId7"/>
    <sheet name="様式8配置計画" sheetId="11" r:id="rId8"/>
    <sheet name="様式9事業計画" sheetId="12" r:id="rId9"/>
    <sheet name="様式10開設資金" sheetId="13" r:id="rId10"/>
    <sheet name="様式11収支計画" sheetId="14" r:id="rId11"/>
    <sheet name="様式12償還計画" sheetId="15" r:id="rId12"/>
    <sheet name="様式13保育内容" sheetId="16" r:id="rId13"/>
  </sheets>
  <externalReferences>
    <externalReference r:id="rId14"/>
  </externalReferences>
  <definedNames>
    <definedName name="b">[1]入力シート!$N$277:$P$356</definedName>
    <definedName name="_xlnm.Print_Area" localSheetId="12">様式13保育内容!$A$1:$H$71</definedName>
    <definedName name="_xlnm.Print_Area" localSheetId="0">様式１参加申込!$A$1:$I$40</definedName>
    <definedName name="_xlnm.Print_Area" localSheetId="1">様式２誓約書!$A$1:$I$35</definedName>
    <definedName name="_xlnm.Print_Titles" localSheetId="12">様式13保育内容!$1:$3</definedName>
    <definedName name="_xlnm.Print_Titles" localSheetId="8">様式9事業計画!$1:$3</definedName>
  </definedNames>
  <calcPr calcId="162913" refMode="R1C1"/>
</workbook>
</file>

<file path=xl/calcChain.xml><?xml version="1.0" encoding="utf-8"?>
<calcChain xmlns="http://schemas.openxmlformats.org/spreadsheetml/2006/main">
  <c r="E65" i="14" l="1"/>
  <c r="E66" i="14" s="1"/>
  <c r="E63" i="14"/>
  <c r="E60" i="14"/>
  <c r="E57" i="14"/>
  <c r="E61" i="14" s="1"/>
  <c r="E48" i="14"/>
  <c r="E33" i="14"/>
  <c r="E24" i="14"/>
  <c r="E52" i="14" s="1"/>
  <c r="E17" i="14"/>
  <c r="E53" i="14" l="1"/>
  <c r="E68" i="14" s="1"/>
  <c r="E69" i="14" s="1"/>
</calcChain>
</file>

<file path=xl/sharedStrings.xml><?xml version="1.0" encoding="utf-8"?>
<sst xmlns="http://schemas.openxmlformats.org/spreadsheetml/2006/main" count="606" uniqueCount="491">
  <si>
    <t>所 在 地</t>
    <rPh sb="0" eb="1">
      <t>ショ</t>
    </rPh>
    <rPh sb="2" eb="3">
      <t>ザイ</t>
    </rPh>
    <rPh sb="4" eb="5">
      <t>チ</t>
    </rPh>
    <phoneticPr fontId="5"/>
  </si>
  <si>
    <t>事業者名</t>
    <rPh sb="0" eb="3">
      <t>ジギョウシャ</t>
    </rPh>
    <rPh sb="3" eb="4">
      <t>メイ</t>
    </rPh>
    <phoneticPr fontId="5"/>
  </si>
  <si>
    <t>代表者名</t>
    <rPh sb="0" eb="3">
      <t>ダイヒョウシャ</t>
    </rPh>
    <rPh sb="3" eb="4">
      <t>メイ</t>
    </rPh>
    <phoneticPr fontId="5"/>
  </si>
  <si>
    <t>担当部署</t>
    <rPh sb="0" eb="2">
      <t>タントウ</t>
    </rPh>
    <rPh sb="2" eb="4">
      <t>ブショ</t>
    </rPh>
    <phoneticPr fontId="5"/>
  </si>
  <si>
    <t>担当者氏名</t>
    <rPh sb="0" eb="3">
      <t>タントウシャ</t>
    </rPh>
    <rPh sb="3" eb="4">
      <t>シ</t>
    </rPh>
    <rPh sb="4" eb="5">
      <t>メイ</t>
    </rPh>
    <phoneticPr fontId="5"/>
  </si>
  <si>
    <t>電話番号</t>
    <rPh sb="0" eb="2">
      <t>デンワ</t>
    </rPh>
    <rPh sb="2" eb="4">
      <t>バンゴウ</t>
    </rPh>
    <phoneticPr fontId="5"/>
  </si>
  <si>
    <t>e-mail</t>
    <phoneticPr fontId="5"/>
  </si>
  <si>
    <t>区分</t>
    <rPh sb="0" eb="2">
      <t>クブン</t>
    </rPh>
    <phoneticPr fontId="5"/>
  </si>
  <si>
    <t>工程表</t>
    <rPh sb="0" eb="2">
      <t>コウテイ</t>
    </rPh>
    <rPh sb="2" eb="3">
      <t>ヒョウ</t>
    </rPh>
    <phoneticPr fontId="5"/>
  </si>
  <si>
    <t>その他</t>
    <rPh sb="2" eb="3">
      <t>タ</t>
    </rPh>
    <phoneticPr fontId="5"/>
  </si>
  <si>
    <t>様式１</t>
    <rPh sb="0" eb="2">
      <t>ヨウシキ</t>
    </rPh>
    <phoneticPr fontId="5"/>
  </si>
  <si>
    <t>伊丹市認可保育所設置・運営事業者募集参加申込書</t>
    <rPh sb="0" eb="2">
      <t>イタミ</t>
    </rPh>
    <rPh sb="2" eb="3">
      <t>シ</t>
    </rPh>
    <rPh sb="3" eb="5">
      <t>ニンカ</t>
    </rPh>
    <rPh sb="5" eb="8">
      <t>ホイクショ</t>
    </rPh>
    <rPh sb="8" eb="10">
      <t>セッチ</t>
    </rPh>
    <rPh sb="11" eb="13">
      <t>ウンエイ</t>
    </rPh>
    <rPh sb="13" eb="16">
      <t>ジギョウシャ</t>
    </rPh>
    <rPh sb="18" eb="20">
      <t>サンカ</t>
    </rPh>
    <rPh sb="20" eb="22">
      <t>モウシコミ</t>
    </rPh>
    <rPh sb="22" eb="23">
      <t>ショ</t>
    </rPh>
    <phoneticPr fontId="5"/>
  </si>
  <si>
    <t>伊丹市長　宛</t>
    <rPh sb="0" eb="2">
      <t>イタミ</t>
    </rPh>
    <rPh sb="2" eb="4">
      <t>シチョウ</t>
    </rPh>
    <rPh sb="5" eb="6">
      <t>アテ</t>
    </rPh>
    <phoneticPr fontId="5"/>
  </si>
  <si>
    <t>（申込者）</t>
    <rPh sb="1" eb="3">
      <t>モウシコミ</t>
    </rPh>
    <rPh sb="3" eb="4">
      <t>モノ</t>
    </rPh>
    <phoneticPr fontId="5"/>
  </si>
  <si>
    <t>電話番号</t>
    <rPh sb="0" eb="2">
      <t>デンワ</t>
    </rPh>
    <rPh sb="2" eb="3">
      <t>バン</t>
    </rPh>
    <rPh sb="3" eb="4">
      <t>ゴウ</t>
    </rPh>
    <phoneticPr fontId="5"/>
  </si>
  <si>
    <t>（担当者）</t>
    <rPh sb="1" eb="4">
      <t>タントウシャ</t>
    </rPh>
    <phoneticPr fontId="5"/>
  </si>
  <si>
    <t>ＦＡＸ</t>
    <phoneticPr fontId="5"/>
  </si>
  <si>
    <t>申請内容に虚偽があった場合には、本申請一切が取り消されることを承諾します。</t>
  </si>
  <si>
    <t>様式２</t>
    <rPh sb="0" eb="2">
      <t>ヨウシキ</t>
    </rPh>
    <phoneticPr fontId="5"/>
  </si>
  <si>
    <t>（誓約者）</t>
    <rPh sb="1" eb="3">
      <t>セイヤク</t>
    </rPh>
    <rPh sb="3" eb="4">
      <t>モノ</t>
    </rPh>
    <phoneticPr fontId="5"/>
  </si>
  <si>
    <t>生年月日</t>
    <rPh sb="0" eb="2">
      <t>セイネン</t>
    </rPh>
    <rPh sb="2" eb="4">
      <t>ガッピ</t>
    </rPh>
    <phoneticPr fontId="5"/>
  </si>
  <si>
    <t>年　　月　　日生</t>
    <rPh sb="0" eb="1">
      <t>ネン</t>
    </rPh>
    <rPh sb="3" eb="4">
      <t>ガツ</t>
    </rPh>
    <rPh sb="6" eb="7">
      <t>ヒ</t>
    </rPh>
    <rPh sb="7" eb="8">
      <t>ウ</t>
    </rPh>
    <phoneticPr fontId="5"/>
  </si>
  <si>
    <t>誓　約　書</t>
    <rPh sb="0" eb="1">
      <t>チカイ</t>
    </rPh>
    <rPh sb="2" eb="3">
      <t>ヤク</t>
    </rPh>
    <rPh sb="4" eb="5">
      <t>ショ</t>
    </rPh>
    <phoneticPr fontId="5"/>
  </si>
  <si>
    <t>　伊丹市認可保育所設置・運営事業者募集の申し込みにあたり、下記の事項を誓約します。
　後日、誓約した内容に違反する事実が判明した場合若しくは応募受付後から審査・選定までの間に誓約した内容に違反した場合、無効又は失格とされても一切異議を申し立てません。
　また、募集要項の応募資格に規定する資格要件を確認するため、「伊丹市契約等からの暴力団排除に関する要綱」第３条に基づき、伊丹市が本誓約書及び理事・役員等名簿等から収集した個人情報を兵庫県伊丹警察署へ提供、照会することに同意します。</t>
    <rPh sb="20" eb="21">
      <t>モウ</t>
    </rPh>
    <rPh sb="22" eb="23">
      <t>コ</t>
    </rPh>
    <rPh sb="29" eb="31">
      <t>カキ</t>
    </rPh>
    <rPh sb="32" eb="34">
      <t>ジコウ</t>
    </rPh>
    <rPh sb="35" eb="37">
      <t>セイヤク</t>
    </rPh>
    <rPh sb="43" eb="45">
      <t>ゴジツ</t>
    </rPh>
    <rPh sb="46" eb="48">
      <t>セイヤク</t>
    </rPh>
    <rPh sb="50" eb="52">
      <t>ナイヨウ</t>
    </rPh>
    <rPh sb="53" eb="55">
      <t>イハン</t>
    </rPh>
    <rPh sb="57" eb="59">
      <t>ジジツ</t>
    </rPh>
    <rPh sb="60" eb="62">
      <t>ハンメイ</t>
    </rPh>
    <rPh sb="64" eb="66">
      <t>バアイ</t>
    </rPh>
    <rPh sb="66" eb="67">
      <t>モ</t>
    </rPh>
    <rPh sb="70" eb="72">
      <t>オウボ</t>
    </rPh>
    <rPh sb="72" eb="74">
      <t>ウケツケ</t>
    </rPh>
    <rPh sb="74" eb="75">
      <t>ゴ</t>
    </rPh>
    <rPh sb="77" eb="79">
      <t>シンサ</t>
    </rPh>
    <rPh sb="80" eb="82">
      <t>センテイ</t>
    </rPh>
    <rPh sb="85" eb="86">
      <t>アイダ</t>
    </rPh>
    <rPh sb="87" eb="89">
      <t>セイヤク</t>
    </rPh>
    <rPh sb="91" eb="93">
      <t>ナイヨウ</t>
    </rPh>
    <rPh sb="94" eb="96">
      <t>イハン</t>
    </rPh>
    <rPh sb="98" eb="100">
      <t>バアイ</t>
    </rPh>
    <rPh sb="101" eb="103">
      <t>ムコウ</t>
    </rPh>
    <rPh sb="103" eb="104">
      <t>マタ</t>
    </rPh>
    <rPh sb="105" eb="107">
      <t>シッカク</t>
    </rPh>
    <rPh sb="112" eb="114">
      <t>イッサイ</t>
    </rPh>
    <rPh sb="114" eb="116">
      <t>イギ</t>
    </rPh>
    <rPh sb="117" eb="118">
      <t>モウ</t>
    </rPh>
    <rPh sb="119" eb="120">
      <t>タ</t>
    </rPh>
    <phoneticPr fontId="5"/>
  </si>
  <si>
    <t>記</t>
    <rPh sb="0" eb="1">
      <t>キ</t>
    </rPh>
    <phoneticPr fontId="5"/>
  </si>
  <si>
    <t xml:space="preserve">１．申込書の提出に際し、伊丹市認可保育所設置・運営事業者募集要項（以下、「募集要項」と
　いう。）に定める事項を十分理解し、承知したうえで申し込みます。
２．法人及び役員等が、「伊丹市暴力団排除条例」第２条第１号に規定する暴力団及び同条第２号
　に規定する暴力団員並びに同条第３号に規定する暴力団員密接関係者に該当しません。
３．前項のほか、募集要項に定められている応募資格をすべて満たしています。
</t>
    <rPh sb="2" eb="4">
      <t>モウシコミ</t>
    </rPh>
    <rPh sb="4" eb="5">
      <t>ショ</t>
    </rPh>
    <rPh sb="6" eb="8">
      <t>テイシュツ</t>
    </rPh>
    <rPh sb="9" eb="10">
      <t>サイ</t>
    </rPh>
    <rPh sb="12" eb="15">
      <t>イタミシ</t>
    </rPh>
    <rPh sb="15" eb="17">
      <t>ニンカ</t>
    </rPh>
    <rPh sb="17" eb="19">
      <t>ホイク</t>
    </rPh>
    <rPh sb="19" eb="20">
      <t>ショ</t>
    </rPh>
    <rPh sb="20" eb="22">
      <t>セッチ</t>
    </rPh>
    <rPh sb="23" eb="25">
      <t>ウンエイ</t>
    </rPh>
    <rPh sb="25" eb="28">
      <t>ジギョウシャ</t>
    </rPh>
    <rPh sb="28" eb="30">
      <t>ボシュウ</t>
    </rPh>
    <rPh sb="30" eb="32">
      <t>ヨウコウ</t>
    </rPh>
    <rPh sb="33" eb="35">
      <t>イカ</t>
    </rPh>
    <rPh sb="37" eb="39">
      <t>ボシュウ</t>
    </rPh>
    <rPh sb="39" eb="41">
      <t>ヨウコウ</t>
    </rPh>
    <rPh sb="50" eb="51">
      <t>サダ</t>
    </rPh>
    <rPh sb="53" eb="55">
      <t>ジコウ</t>
    </rPh>
    <rPh sb="56" eb="58">
      <t>ジュウブン</t>
    </rPh>
    <rPh sb="58" eb="60">
      <t>リカイ</t>
    </rPh>
    <rPh sb="62" eb="64">
      <t>ショウチ</t>
    </rPh>
    <rPh sb="69" eb="70">
      <t>モウ</t>
    </rPh>
    <rPh sb="71" eb="72">
      <t>コ</t>
    </rPh>
    <rPh sb="167" eb="169">
      <t>ゼンコウ</t>
    </rPh>
    <rPh sb="173" eb="175">
      <t>ボシュウ</t>
    </rPh>
    <rPh sb="175" eb="177">
      <t>ヨウコウ</t>
    </rPh>
    <rPh sb="178" eb="179">
      <t>サダ</t>
    </rPh>
    <rPh sb="185" eb="187">
      <t>オウボ</t>
    </rPh>
    <rPh sb="187" eb="189">
      <t>シカク</t>
    </rPh>
    <rPh sb="193" eb="194">
      <t>ミ</t>
    </rPh>
    <phoneticPr fontId="5"/>
  </si>
  <si>
    <t>　</t>
  </si>
  <si>
    <t>様式３</t>
    <rPh sb="0" eb="2">
      <t>ヨウシキ</t>
    </rPh>
    <phoneticPr fontId="5"/>
  </si>
  <si>
    <t>法人の概要</t>
    <rPh sb="0" eb="2">
      <t>ホウジン</t>
    </rPh>
    <rPh sb="3" eb="5">
      <t>ガイヨウ</t>
    </rPh>
    <phoneticPr fontId="5"/>
  </si>
  <si>
    <t>フリガナ</t>
    <phoneticPr fontId="5"/>
  </si>
  <si>
    <t>法人名</t>
    <rPh sb="0" eb="2">
      <t>ホウジン</t>
    </rPh>
    <rPh sb="2" eb="3">
      <t>メイ</t>
    </rPh>
    <phoneticPr fontId="5"/>
  </si>
  <si>
    <t>所在地</t>
    <rPh sb="0" eb="3">
      <t>ショザイチ</t>
    </rPh>
    <phoneticPr fontId="5"/>
  </si>
  <si>
    <t>ファックス番号</t>
    <rPh sb="5" eb="7">
      <t>バンゴウ</t>
    </rPh>
    <phoneticPr fontId="5"/>
  </si>
  <si>
    <t>メールアドレス</t>
    <phoneticPr fontId="5"/>
  </si>
  <si>
    <t>事業者区分</t>
    <rPh sb="0" eb="3">
      <t>ジギョウシャ</t>
    </rPh>
    <rPh sb="3" eb="5">
      <t>クブン</t>
    </rPh>
    <phoneticPr fontId="5"/>
  </si>
  <si>
    <t>□社会福祉法人　　□学校法人　　□ＮＰＯ法人　　□株式会社
□取得見込（法人種別：　　　　　　　）　　□その他（　　　　　　　　　　　）</t>
    <rPh sb="1" eb="3">
      <t>シャカイ</t>
    </rPh>
    <rPh sb="3" eb="5">
      <t>フクシ</t>
    </rPh>
    <rPh sb="5" eb="7">
      <t>ホウジン</t>
    </rPh>
    <rPh sb="10" eb="12">
      <t>ガッコウ</t>
    </rPh>
    <rPh sb="12" eb="14">
      <t>ホウジン</t>
    </rPh>
    <rPh sb="20" eb="22">
      <t>ホウジン</t>
    </rPh>
    <rPh sb="25" eb="27">
      <t>カブシキ</t>
    </rPh>
    <rPh sb="27" eb="29">
      <t>カイシャ</t>
    </rPh>
    <rPh sb="31" eb="33">
      <t>シュトク</t>
    </rPh>
    <rPh sb="33" eb="35">
      <t>ミコ</t>
    </rPh>
    <rPh sb="36" eb="38">
      <t>ホウジン</t>
    </rPh>
    <rPh sb="38" eb="40">
      <t>シュベツ</t>
    </rPh>
    <rPh sb="54" eb="55">
      <t>タ</t>
    </rPh>
    <phoneticPr fontId="5"/>
  </si>
  <si>
    <t>社会福祉法人等の
認可日・番号等</t>
    <rPh sb="0" eb="2">
      <t>シャカイ</t>
    </rPh>
    <rPh sb="2" eb="4">
      <t>フクシ</t>
    </rPh>
    <rPh sb="4" eb="6">
      <t>ホウジン</t>
    </rPh>
    <rPh sb="6" eb="7">
      <t>トウ</t>
    </rPh>
    <rPh sb="9" eb="11">
      <t>ニンカ</t>
    </rPh>
    <rPh sb="11" eb="12">
      <t>ヒ</t>
    </rPh>
    <rPh sb="13" eb="15">
      <t>バンゴウ</t>
    </rPh>
    <rPh sb="15" eb="16">
      <t>トウ</t>
    </rPh>
    <phoneticPr fontId="5"/>
  </si>
  <si>
    <t>代表者</t>
    <rPh sb="0" eb="3">
      <t>ダイヒョウシャ</t>
    </rPh>
    <phoneticPr fontId="5"/>
  </si>
  <si>
    <t>住所</t>
    <rPh sb="0" eb="2">
      <t>ジュウショ</t>
    </rPh>
    <phoneticPr fontId="5"/>
  </si>
  <si>
    <t>氏名</t>
    <rPh sb="0" eb="2">
      <t>シメイ</t>
    </rPh>
    <phoneticPr fontId="5"/>
  </si>
  <si>
    <t>法人の経歴</t>
    <rPh sb="0" eb="2">
      <t>ホウジン</t>
    </rPh>
    <rPh sb="3" eb="5">
      <t>ケイレキ</t>
    </rPh>
    <phoneticPr fontId="5"/>
  </si>
  <si>
    <t>法人の実績</t>
    <rPh sb="0" eb="2">
      <t>ホウジン</t>
    </rPh>
    <rPh sb="3" eb="5">
      <t>ジッセキ</t>
    </rPh>
    <phoneticPr fontId="5"/>
  </si>
  <si>
    <r>
      <t>認可保育所、認定こども園、認可幼稚園、</t>
    </r>
    <r>
      <rPr>
        <sz val="10.5"/>
        <color indexed="8"/>
        <rFont val="HGPｺﾞｼｯｸM"/>
        <family val="3"/>
        <charset val="128"/>
      </rPr>
      <t>小規模保育事業、認可外保育施設の運営状況</t>
    </r>
    <rPh sb="0" eb="2">
      <t>ニンカ</t>
    </rPh>
    <rPh sb="2" eb="4">
      <t>ホイク</t>
    </rPh>
    <rPh sb="4" eb="5">
      <t>ショ</t>
    </rPh>
    <rPh sb="6" eb="8">
      <t>ニンテイ</t>
    </rPh>
    <rPh sb="11" eb="12">
      <t>エン</t>
    </rPh>
    <rPh sb="13" eb="15">
      <t>ニンカ</t>
    </rPh>
    <rPh sb="15" eb="18">
      <t>ヨウチエン</t>
    </rPh>
    <rPh sb="19" eb="22">
      <t>ショウキボ</t>
    </rPh>
    <rPh sb="22" eb="24">
      <t>ホイク</t>
    </rPh>
    <rPh sb="24" eb="26">
      <t>ジギョウ</t>
    </rPh>
    <rPh sb="27" eb="29">
      <t>ニンカ</t>
    </rPh>
    <rPh sb="29" eb="30">
      <t>ガイ</t>
    </rPh>
    <rPh sb="30" eb="32">
      <t>ホイク</t>
    </rPh>
    <rPh sb="32" eb="34">
      <t>シセツ</t>
    </rPh>
    <rPh sb="35" eb="37">
      <t>ウンエイ</t>
    </rPh>
    <rPh sb="37" eb="39">
      <t>ジョウキョウ</t>
    </rPh>
    <phoneticPr fontId="5"/>
  </si>
  <si>
    <t>施設名称</t>
    <rPh sb="0" eb="2">
      <t>シセツ</t>
    </rPh>
    <rPh sb="2" eb="4">
      <t>メイショウ</t>
    </rPh>
    <phoneticPr fontId="5"/>
  </si>
  <si>
    <t>施設の種別</t>
    <rPh sb="0" eb="2">
      <t>シセツ</t>
    </rPh>
    <rPh sb="3" eb="5">
      <t>シュベツ</t>
    </rPh>
    <phoneticPr fontId="5"/>
  </si>
  <si>
    <t>開設年月日</t>
    <rPh sb="0" eb="2">
      <t>カイセツ</t>
    </rPh>
    <rPh sb="2" eb="5">
      <t>ネンガッピ</t>
    </rPh>
    <phoneticPr fontId="5"/>
  </si>
  <si>
    <t>定員等</t>
    <rPh sb="0" eb="2">
      <t>テイイン</t>
    </rPh>
    <rPh sb="2" eb="3">
      <t>トウ</t>
    </rPh>
    <phoneticPr fontId="5"/>
  </si>
  <si>
    <t>職員数</t>
    <rPh sb="0" eb="2">
      <t>ショクイン</t>
    </rPh>
    <rPh sb="2" eb="3">
      <t>スウ</t>
    </rPh>
    <phoneticPr fontId="5"/>
  </si>
  <si>
    <t>その他の経営施設</t>
    <rPh sb="2" eb="3">
      <t>タ</t>
    </rPh>
    <rPh sb="4" eb="6">
      <t>ケイエイ</t>
    </rPh>
    <rPh sb="6" eb="8">
      <t>シセツ</t>
    </rPh>
    <phoneticPr fontId="5"/>
  </si>
  <si>
    <t>開所年月</t>
    <rPh sb="0" eb="2">
      <t>カイショ</t>
    </rPh>
    <rPh sb="2" eb="4">
      <t>ネンゲツ</t>
    </rPh>
    <phoneticPr fontId="5"/>
  </si>
  <si>
    <t>名称</t>
    <rPh sb="0" eb="2">
      <t>メイショウ</t>
    </rPh>
    <phoneticPr fontId="5"/>
  </si>
  <si>
    <t>備考</t>
    <rPh sb="0" eb="2">
      <t>ビコウ</t>
    </rPh>
    <phoneticPr fontId="5"/>
  </si>
  <si>
    <t>自己資金・長期借入等の状況</t>
    <rPh sb="0" eb="2">
      <t>ジコ</t>
    </rPh>
    <rPh sb="2" eb="4">
      <t>シキン</t>
    </rPh>
    <phoneticPr fontId="5"/>
  </si>
  <si>
    <t>直近預金残高</t>
  </si>
  <si>
    <t>円</t>
  </si>
  <si>
    <t>借入年度</t>
  </si>
  <si>
    <t>借　入　先</t>
  </si>
  <si>
    <t>借入金額</t>
  </si>
  <si>
    <t>借入残額</t>
  </si>
  <si>
    <t>残年数</t>
    <phoneticPr fontId="5"/>
  </si>
  <si>
    <t>充　当　先</t>
  </si>
  <si>
    <t>合　　計</t>
  </si>
  <si>
    <t>様式４</t>
    <rPh sb="0" eb="2">
      <t>ヨウシキ</t>
    </rPh>
    <phoneticPr fontId="5"/>
  </si>
  <si>
    <t>履歴書（代表者）</t>
    <rPh sb="0" eb="3">
      <t>リレキショ</t>
    </rPh>
    <rPh sb="4" eb="7">
      <t>ダイヒョウシャ</t>
    </rPh>
    <phoneticPr fontId="5"/>
  </si>
  <si>
    <t>フリガナ</t>
    <phoneticPr fontId="5"/>
  </si>
  <si>
    <t>　　年　　月　　日生
　　　　　　　（　　歳）</t>
    <rPh sb="2" eb="3">
      <t>ネン</t>
    </rPh>
    <rPh sb="5" eb="6">
      <t>ガツ</t>
    </rPh>
    <rPh sb="8" eb="9">
      <t>ヒ</t>
    </rPh>
    <rPh sb="9" eb="10">
      <t>セイ</t>
    </rPh>
    <rPh sb="21" eb="22">
      <t>サイ</t>
    </rPh>
    <phoneticPr fontId="5"/>
  </si>
  <si>
    <t>年　月</t>
    <rPh sb="0" eb="1">
      <t>ネン</t>
    </rPh>
    <rPh sb="2" eb="3">
      <t>ツキ</t>
    </rPh>
    <phoneticPr fontId="5"/>
  </si>
  <si>
    <t>～</t>
    <phoneticPr fontId="5"/>
  </si>
  <si>
    <t>学　歴</t>
    <rPh sb="0" eb="1">
      <t>ガク</t>
    </rPh>
    <rPh sb="2" eb="3">
      <t>レキ</t>
    </rPh>
    <phoneticPr fontId="5"/>
  </si>
  <si>
    <t>職　歴</t>
    <rPh sb="0" eb="1">
      <t>ショク</t>
    </rPh>
    <rPh sb="2" eb="3">
      <t>レキ</t>
    </rPh>
    <phoneticPr fontId="5"/>
  </si>
  <si>
    <t>勤務先</t>
    <rPh sb="0" eb="3">
      <t>キンムサキ</t>
    </rPh>
    <phoneticPr fontId="5"/>
  </si>
  <si>
    <t>職務内容</t>
    <rPh sb="0" eb="2">
      <t>ショクム</t>
    </rPh>
    <rPh sb="2" eb="4">
      <t>ナイヨウ</t>
    </rPh>
    <phoneticPr fontId="5"/>
  </si>
  <si>
    <t>社会活動歴</t>
    <rPh sb="0" eb="2">
      <t>シャカイ</t>
    </rPh>
    <rPh sb="2" eb="4">
      <t>カツドウ</t>
    </rPh>
    <rPh sb="4" eb="5">
      <t>レキ</t>
    </rPh>
    <phoneticPr fontId="5"/>
  </si>
  <si>
    <t>免許・資格</t>
    <rPh sb="0" eb="2">
      <t>メンキョ</t>
    </rPh>
    <rPh sb="3" eb="5">
      <t>シカク</t>
    </rPh>
    <phoneticPr fontId="5"/>
  </si>
  <si>
    <t>賞罰等</t>
    <rPh sb="0" eb="2">
      <t>ショウバツ</t>
    </rPh>
    <rPh sb="2" eb="3">
      <t>トウ</t>
    </rPh>
    <phoneticPr fontId="5"/>
  </si>
  <si>
    <t>様式５</t>
    <rPh sb="0" eb="2">
      <t>ヨウシキ</t>
    </rPh>
    <phoneticPr fontId="5"/>
  </si>
  <si>
    <t>理事・役員等名簿</t>
    <rPh sb="0" eb="2">
      <t>リジ</t>
    </rPh>
    <rPh sb="3" eb="5">
      <t>ヤクイン</t>
    </rPh>
    <rPh sb="5" eb="6">
      <t>トウ</t>
    </rPh>
    <rPh sb="6" eb="8">
      <t>メイボ</t>
    </rPh>
    <phoneticPr fontId="5"/>
  </si>
  <si>
    <t>役職名</t>
    <rPh sb="0" eb="3">
      <t>ヤクショクメイ</t>
    </rPh>
    <phoneticPr fontId="5"/>
  </si>
  <si>
    <t>氏名</t>
    <rPh sb="0" eb="1">
      <t>フリガナ</t>
    </rPh>
    <phoneticPr fontId="5"/>
  </si>
  <si>
    <t>年齢</t>
    <rPh sb="0" eb="2">
      <t>ネンレイ</t>
    </rPh>
    <phoneticPr fontId="5"/>
  </si>
  <si>
    <t xml:space="preserve">（代表者）
</t>
    <rPh sb="1" eb="4">
      <t>ダイヒョウシャ</t>
    </rPh>
    <phoneticPr fontId="5"/>
  </si>
  <si>
    <t>様式６</t>
    <rPh sb="0" eb="2">
      <t>ヨウシキ</t>
    </rPh>
    <phoneticPr fontId="5"/>
  </si>
  <si>
    <t>様式７</t>
    <rPh sb="0" eb="2">
      <t>ヨウシキ</t>
    </rPh>
    <phoneticPr fontId="5"/>
  </si>
  <si>
    <t>履歴書（施設長予定者）</t>
    <rPh sb="0" eb="3">
      <t>リレキショ</t>
    </rPh>
    <rPh sb="4" eb="6">
      <t>シセツ</t>
    </rPh>
    <rPh sb="6" eb="7">
      <t>チョウ</t>
    </rPh>
    <rPh sb="7" eb="10">
      <t>ヨテイシャ</t>
    </rPh>
    <phoneticPr fontId="5"/>
  </si>
  <si>
    <t>　　年　　月　　日生
　　　　　　　（　　歳）</t>
    <rPh sb="2" eb="3">
      <t>ネン</t>
    </rPh>
    <rPh sb="5" eb="6">
      <t>ガツ</t>
    </rPh>
    <rPh sb="8" eb="9">
      <t>ヒ</t>
    </rPh>
    <rPh sb="9" eb="10">
      <t>セイ</t>
    </rPh>
    <rPh sb="21" eb="22">
      <t>サイ</t>
    </rPh>
    <phoneticPr fontId="5"/>
  </si>
  <si>
    <t>年　月</t>
    <rPh sb="0" eb="1">
      <t>ネン</t>
    </rPh>
    <rPh sb="2" eb="3">
      <t>ツキ</t>
    </rPh>
    <phoneticPr fontId="5"/>
  </si>
  <si>
    <t>～</t>
    <phoneticPr fontId="5"/>
  </si>
  <si>
    <t>学　歴</t>
    <rPh sb="0" eb="1">
      <t>ガク</t>
    </rPh>
    <rPh sb="2" eb="3">
      <t>レキ</t>
    </rPh>
    <phoneticPr fontId="5"/>
  </si>
  <si>
    <t>職　歴</t>
    <rPh sb="0" eb="1">
      <t>ショク</t>
    </rPh>
    <rPh sb="2" eb="3">
      <t>レキ</t>
    </rPh>
    <phoneticPr fontId="5"/>
  </si>
  <si>
    <t>社会活動歴</t>
    <rPh sb="0" eb="2">
      <t>シャカイ</t>
    </rPh>
    <rPh sb="2" eb="4">
      <t>カツドウ</t>
    </rPh>
    <rPh sb="4" eb="5">
      <t>レキ</t>
    </rPh>
    <phoneticPr fontId="5"/>
  </si>
  <si>
    <t>備考</t>
    <rPh sb="0" eb="2">
      <t>ビコウ</t>
    </rPh>
    <phoneticPr fontId="5"/>
  </si>
  <si>
    <t>様式８</t>
    <rPh sb="0" eb="2">
      <t>ヨウシキ</t>
    </rPh>
    <phoneticPr fontId="5"/>
  </si>
  <si>
    <t>企画提案書（職員配置等）</t>
    <rPh sb="0" eb="2">
      <t>キカク</t>
    </rPh>
    <rPh sb="2" eb="4">
      <t>テイアン</t>
    </rPh>
    <rPh sb="4" eb="5">
      <t>ショ</t>
    </rPh>
    <rPh sb="6" eb="8">
      <t>ショクイン</t>
    </rPh>
    <rPh sb="8" eb="10">
      <t>ハイチ</t>
    </rPh>
    <rPh sb="10" eb="11">
      <t>トウ</t>
    </rPh>
    <phoneticPr fontId="5"/>
  </si>
  <si>
    <t>（１）定員</t>
    <rPh sb="3" eb="5">
      <t>テイイン</t>
    </rPh>
    <phoneticPr fontId="5"/>
  </si>
  <si>
    <t>0歳</t>
    <rPh sb="1" eb="2">
      <t>サイ</t>
    </rPh>
    <phoneticPr fontId="5"/>
  </si>
  <si>
    <t>1歳</t>
    <rPh sb="1" eb="2">
      <t>サイ</t>
    </rPh>
    <phoneticPr fontId="5"/>
  </si>
  <si>
    <t>2歳</t>
    <rPh sb="1" eb="2">
      <t>サイ</t>
    </rPh>
    <phoneticPr fontId="5"/>
  </si>
  <si>
    <t>3歳</t>
    <rPh sb="1" eb="2">
      <t>サイ</t>
    </rPh>
    <phoneticPr fontId="5"/>
  </si>
  <si>
    <t>4歳</t>
    <rPh sb="1" eb="2">
      <t>サイ</t>
    </rPh>
    <phoneticPr fontId="5"/>
  </si>
  <si>
    <t>5歳</t>
    <rPh sb="1" eb="2">
      <t>サイ</t>
    </rPh>
    <phoneticPr fontId="5"/>
  </si>
  <si>
    <t>計</t>
    <rPh sb="0" eb="1">
      <t>ケイ</t>
    </rPh>
    <phoneticPr fontId="5"/>
  </si>
  <si>
    <t>定員設定</t>
    <rPh sb="0" eb="2">
      <t>テイイン</t>
    </rPh>
    <rPh sb="2" eb="4">
      <t>セッテイ</t>
    </rPh>
    <phoneticPr fontId="5"/>
  </si>
  <si>
    <t>配置基準</t>
    <rPh sb="0" eb="2">
      <t>ハイチ</t>
    </rPh>
    <rPh sb="2" eb="4">
      <t>キジュン</t>
    </rPh>
    <phoneticPr fontId="5"/>
  </si>
  <si>
    <t>3：1</t>
    <phoneticPr fontId="5"/>
  </si>
  <si>
    <t>6：1</t>
    <phoneticPr fontId="5"/>
  </si>
  <si>
    <t>20：1</t>
    <phoneticPr fontId="5"/>
  </si>
  <si>
    <t>30：1</t>
    <phoneticPr fontId="5"/>
  </si>
  <si>
    <t>必要数</t>
    <rPh sb="0" eb="2">
      <t>ヒツヨウ</t>
    </rPh>
    <rPh sb="2" eb="3">
      <t>スウ</t>
    </rPh>
    <phoneticPr fontId="5"/>
  </si>
  <si>
    <t>（２）職員配置予定について</t>
    <rPh sb="3" eb="5">
      <t>ショクイン</t>
    </rPh>
    <rPh sb="5" eb="7">
      <t>ハイチ</t>
    </rPh>
    <rPh sb="7" eb="9">
      <t>ヨテイ</t>
    </rPh>
    <phoneticPr fontId="5"/>
  </si>
  <si>
    <t>保育士</t>
    <rPh sb="0" eb="2">
      <t>ホイク</t>
    </rPh>
    <rPh sb="2" eb="3">
      <t>シ</t>
    </rPh>
    <phoneticPr fontId="5"/>
  </si>
  <si>
    <t>看護師</t>
    <rPh sb="0" eb="3">
      <t>カンゴシ</t>
    </rPh>
    <phoneticPr fontId="5"/>
  </si>
  <si>
    <t>保育士・
看護師以外の
保育従事者</t>
    <rPh sb="0" eb="2">
      <t>ホイク</t>
    </rPh>
    <rPh sb="2" eb="3">
      <t>シ</t>
    </rPh>
    <rPh sb="5" eb="8">
      <t>カンゴシ</t>
    </rPh>
    <rPh sb="8" eb="10">
      <t>イガイ</t>
    </rPh>
    <rPh sb="12" eb="14">
      <t>ホイク</t>
    </rPh>
    <rPh sb="14" eb="17">
      <t>ジュウジシャ</t>
    </rPh>
    <phoneticPr fontId="5"/>
  </si>
  <si>
    <t>調理員</t>
    <rPh sb="0" eb="3">
      <t>チョウリイン</t>
    </rPh>
    <phoneticPr fontId="5"/>
  </si>
  <si>
    <t>事務員</t>
    <rPh sb="0" eb="2">
      <t>ジム</t>
    </rPh>
    <rPh sb="2" eb="3">
      <t>イン</t>
    </rPh>
    <phoneticPr fontId="5"/>
  </si>
  <si>
    <t>用務員
その他（　　）</t>
    <rPh sb="0" eb="3">
      <t>ヨウムイン</t>
    </rPh>
    <rPh sb="6" eb="7">
      <t>タ</t>
    </rPh>
    <phoneticPr fontId="5"/>
  </si>
  <si>
    <t>合計</t>
    <rPh sb="0" eb="2">
      <t>ゴウケイ</t>
    </rPh>
    <phoneticPr fontId="5"/>
  </si>
  <si>
    <t>常勤職員</t>
    <rPh sb="0" eb="2">
      <t>ジョウキン</t>
    </rPh>
    <rPh sb="2" eb="4">
      <t>ショクイン</t>
    </rPh>
    <phoneticPr fontId="5"/>
  </si>
  <si>
    <t>非常勤職員</t>
    <rPh sb="0" eb="3">
      <t>ヒジョウキン</t>
    </rPh>
    <rPh sb="3" eb="5">
      <t>ショクイン</t>
    </rPh>
    <phoneticPr fontId="5"/>
  </si>
  <si>
    <t>合　計</t>
    <rPh sb="0" eb="1">
      <t>ゴウ</t>
    </rPh>
    <rPh sb="2" eb="3">
      <t>ケイ</t>
    </rPh>
    <phoneticPr fontId="5"/>
  </si>
  <si>
    <t>調理員の資格保持者採用予定</t>
    <rPh sb="0" eb="3">
      <t>チョウリイン</t>
    </rPh>
    <rPh sb="4" eb="6">
      <t>シカク</t>
    </rPh>
    <rPh sb="6" eb="8">
      <t>ホジ</t>
    </rPh>
    <rPh sb="8" eb="9">
      <t>シャ</t>
    </rPh>
    <rPh sb="9" eb="11">
      <t>サイヨウ</t>
    </rPh>
    <rPh sb="11" eb="13">
      <t>ヨテイ</t>
    </rPh>
    <phoneticPr fontId="5"/>
  </si>
  <si>
    <t>栄養士資格を有する者　　名</t>
    <phoneticPr fontId="5"/>
  </si>
  <si>
    <t>調理師資格を有する者　　名</t>
    <rPh sb="0" eb="3">
      <t>チョウリシ</t>
    </rPh>
    <rPh sb="3" eb="5">
      <t>シカク</t>
    </rPh>
    <rPh sb="6" eb="7">
      <t>ユウ</t>
    </rPh>
    <rPh sb="9" eb="10">
      <t>モノ</t>
    </rPh>
    <rPh sb="12" eb="13">
      <t>メイ</t>
    </rPh>
    <phoneticPr fontId="5"/>
  </si>
  <si>
    <t>嘱託医（内科・歯科）の有無</t>
    <rPh sb="0" eb="3">
      <t>ショクタクイ</t>
    </rPh>
    <rPh sb="4" eb="6">
      <t>ナイカ</t>
    </rPh>
    <rPh sb="7" eb="9">
      <t>シカ</t>
    </rPh>
    <rPh sb="11" eb="13">
      <t>ウム</t>
    </rPh>
    <phoneticPr fontId="5"/>
  </si>
  <si>
    <t>□有（内科医　人／歯科医　人）　□無</t>
    <rPh sb="1" eb="2">
      <t>ア</t>
    </rPh>
    <rPh sb="3" eb="5">
      <t>ナイカ</t>
    </rPh>
    <rPh sb="5" eb="6">
      <t>イ</t>
    </rPh>
    <rPh sb="7" eb="8">
      <t>ニン</t>
    </rPh>
    <rPh sb="9" eb="12">
      <t>シカイ</t>
    </rPh>
    <rPh sb="13" eb="14">
      <t>ニン</t>
    </rPh>
    <rPh sb="17" eb="18">
      <t>ナ</t>
    </rPh>
    <phoneticPr fontId="5"/>
  </si>
  <si>
    <t>（３）勤務形態について</t>
    <rPh sb="3" eb="5">
      <t>キンム</t>
    </rPh>
    <rPh sb="5" eb="7">
      <t>ケイタイ</t>
    </rPh>
    <phoneticPr fontId="5"/>
  </si>
  <si>
    <t>常勤・非常勤の保育士の勤務形態の考え方について記載してください。（様式９も添付してください）</t>
    <rPh sb="0" eb="2">
      <t>ジョウキン</t>
    </rPh>
    <rPh sb="3" eb="6">
      <t>ヒジョウキン</t>
    </rPh>
    <rPh sb="7" eb="9">
      <t>ホイク</t>
    </rPh>
    <rPh sb="9" eb="10">
      <t>シ</t>
    </rPh>
    <rPh sb="11" eb="13">
      <t>キンム</t>
    </rPh>
    <rPh sb="13" eb="15">
      <t>ケイタイ</t>
    </rPh>
    <rPh sb="16" eb="17">
      <t>カンガ</t>
    </rPh>
    <rPh sb="18" eb="19">
      <t>カタ</t>
    </rPh>
    <rPh sb="23" eb="25">
      <t>キサイ</t>
    </rPh>
    <rPh sb="33" eb="35">
      <t>ヨウシキ</t>
    </rPh>
    <rPh sb="37" eb="39">
      <t>テンプ</t>
    </rPh>
    <phoneticPr fontId="5"/>
  </si>
  <si>
    <t>（４）職員の確保状況と今後の確保に向けた具体的な方法</t>
    <rPh sb="3" eb="5">
      <t>ショクイン</t>
    </rPh>
    <rPh sb="6" eb="8">
      <t>カクホ</t>
    </rPh>
    <rPh sb="8" eb="10">
      <t>ジョウキョウ</t>
    </rPh>
    <rPh sb="11" eb="13">
      <t>コンゴ</t>
    </rPh>
    <rPh sb="14" eb="16">
      <t>カクホ</t>
    </rPh>
    <rPh sb="17" eb="18">
      <t>ム</t>
    </rPh>
    <rPh sb="20" eb="23">
      <t>グタイテキ</t>
    </rPh>
    <rPh sb="24" eb="26">
      <t>ホウホウ</t>
    </rPh>
    <phoneticPr fontId="5"/>
  </si>
  <si>
    <t>（５）雇用条件、職員処遇（昇給制度）、福利厚生等について</t>
    <rPh sb="3" eb="5">
      <t>コヨウ</t>
    </rPh>
    <rPh sb="5" eb="7">
      <t>ジョウケン</t>
    </rPh>
    <rPh sb="8" eb="10">
      <t>ショクイン</t>
    </rPh>
    <rPh sb="10" eb="12">
      <t>ショグウ</t>
    </rPh>
    <rPh sb="13" eb="15">
      <t>ショウキュウ</t>
    </rPh>
    <rPh sb="15" eb="17">
      <t>セイド</t>
    </rPh>
    <rPh sb="19" eb="21">
      <t>フクリ</t>
    </rPh>
    <rPh sb="21" eb="23">
      <t>コウセイ</t>
    </rPh>
    <rPh sb="23" eb="24">
      <t>トウ</t>
    </rPh>
    <phoneticPr fontId="5"/>
  </si>
  <si>
    <t>（６）職員研修と職員育成方針について</t>
    <rPh sb="3" eb="5">
      <t>ショクイン</t>
    </rPh>
    <rPh sb="5" eb="7">
      <t>ケンシュウ</t>
    </rPh>
    <rPh sb="8" eb="10">
      <t>ショクイン</t>
    </rPh>
    <rPh sb="10" eb="12">
      <t>イクセイ</t>
    </rPh>
    <rPh sb="12" eb="14">
      <t>ホウシン</t>
    </rPh>
    <phoneticPr fontId="5"/>
  </si>
  <si>
    <t>様式９</t>
    <rPh sb="0" eb="2">
      <t>ヨウシキ</t>
    </rPh>
    <phoneticPr fontId="5"/>
  </si>
  <si>
    <t>保育に係る職員配置計画</t>
    <rPh sb="0" eb="2">
      <t>ホイク</t>
    </rPh>
    <rPh sb="1" eb="2">
      <t>ツイタチ</t>
    </rPh>
    <rPh sb="3" eb="4">
      <t>カカ</t>
    </rPh>
    <rPh sb="5" eb="7">
      <t>ショクイン</t>
    </rPh>
    <rPh sb="7" eb="9">
      <t>ハイチ</t>
    </rPh>
    <rPh sb="9" eb="11">
      <t>ケイカク</t>
    </rPh>
    <phoneticPr fontId="5"/>
  </si>
  <si>
    <t>勤務者</t>
    <rPh sb="0" eb="3">
      <t>キンムシャ</t>
    </rPh>
    <phoneticPr fontId="5"/>
  </si>
  <si>
    <t>例）</t>
    <rPh sb="0" eb="1">
      <t>レイ</t>
    </rPh>
    <phoneticPr fontId="5"/>
  </si>
  <si>
    <t>保育士○</t>
    <rPh sb="0" eb="3">
      <t>ホイクシ</t>
    </rPh>
    <phoneticPr fontId="5"/>
  </si>
  <si>
    <t>（3歳）</t>
    <rPh sb="2" eb="3">
      <t>サイ</t>
    </rPh>
    <phoneticPr fontId="5"/>
  </si>
  <si>
    <t>【保育士（有資格者）】</t>
    <rPh sb="1" eb="4">
      <t>ホイクシ</t>
    </rPh>
    <rPh sb="5" eb="9">
      <t>ユウシカクシャ</t>
    </rPh>
    <phoneticPr fontId="5"/>
  </si>
  <si>
    <t>保育士A</t>
    <rPh sb="0" eb="3">
      <t>ホイクシ</t>
    </rPh>
    <phoneticPr fontId="5"/>
  </si>
  <si>
    <t>（0歳）</t>
    <rPh sb="2" eb="3">
      <t>サイ</t>
    </rPh>
    <phoneticPr fontId="5"/>
  </si>
  <si>
    <t>保育士B</t>
    <rPh sb="0" eb="3">
      <t>ホイクシ</t>
    </rPh>
    <phoneticPr fontId="5"/>
  </si>
  <si>
    <t>（　歳）</t>
    <rPh sb="2" eb="3">
      <t>サイ</t>
    </rPh>
    <phoneticPr fontId="5"/>
  </si>
  <si>
    <t>保育士C</t>
    <rPh sb="0" eb="3">
      <t>ホイクシ</t>
    </rPh>
    <phoneticPr fontId="5"/>
  </si>
  <si>
    <t>【その他の保育従事者（無資格者）】</t>
    <rPh sb="3" eb="4">
      <t>タ</t>
    </rPh>
    <rPh sb="5" eb="7">
      <t>ホイク</t>
    </rPh>
    <rPh sb="7" eb="9">
      <t>ジュウジ</t>
    </rPh>
    <rPh sb="9" eb="10">
      <t>シャ</t>
    </rPh>
    <rPh sb="11" eb="14">
      <t>ムシカク</t>
    </rPh>
    <rPh sb="14" eb="15">
      <t>シャ</t>
    </rPh>
    <phoneticPr fontId="5"/>
  </si>
  <si>
    <t>職員D</t>
    <rPh sb="0" eb="2">
      <t>ショクイン</t>
    </rPh>
    <phoneticPr fontId="5"/>
  </si>
  <si>
    <t>職員E</t>
    <rPh sb="0" eb="2">
      <t>ショクイン</t>
    </rPh>
    <phoneticPr fontId="5"/>
  </si>
  <si>
    <t>■児童が定員通り入所し、開所時間を利用した場合の標準的な1日の配置をセルに着色して示してください。
　（全時間帯でフル入所の場合を想定して作成してください。）</t>
    <rPh sb="1" eb="3">
      <t>ジドウ</t>
    </rPh>
    <rPh sb="4" eb="6">
      <t>テイイン</t>
    </rPh>
    <rPh sb="6" eb="7">
      <t>トオ</t>
    </rPh>
    <rPh sb="8" eb="10">
      <t>ニュウショ</t>
    </rPh>
    <rPh sb="12" eb="14">
      <t>カイショ</t>
    </rPh>
    <rPh sb="14" eb="16">
      <t>ジカン</t>
    </rPh>
    <rPh sb="17" eb="19">
      <t>リヨウ</t>
    </rPh>
    <rPh sb="21" eb="23">
      <t>バアイ</t>
    </rPh>
    <rPh sb="24" eb="26">
      <t>ヒョウジュン</t>
    </rPh>
    <rPh sb="26" eb="27">
      <t>テキ</t>
    </rPh>
    <rPh sb="29" eb="30">
      <t>ニチ</t>
    </rPh>
    <rPh sb="31" eb="33">
      <t>ハイチ</t>
    </rPh>
    <rPh sb="37" eb="39">
      <t>チャクショク</t>
    </rPh>
    <rPh sb="41" eb="42">
      <t>シメ</t>
    </rPh>
    <rPh sb="52" eb="53">
      <t>ゼン</t>
    </rPh>
    <rPh sb="53" eb="56">
      <t>ジカンタイ</t>
    </rPh>
    <rPh sb="59" eb="61">
      <t>ニュウショ</t>
    </rPh>
    <rPh sb="62" eb="64">
      <t>バアイ</t>
    </rPh>
    <rPh sb="65" eb="67">
      <t>ソウテイ</t>
    </rPh>
    <rPh sb="69" eb="71">
      <t>サクセイ</t>
    </rPh>
    <phoneticPr fontId="5"/>
  </si>
  <si>
    <t>■保育従事者は必要に応じて、追加してください。</t>
    <rPh sb="1" eb="3">
      <t>ホイク</t>
    </rPh>
    <rPh sb="3" eb="6">
      <t>ジュウジシャ</t>
    </rPh>
    <rPh sb="7" eb="9">
      <t>ヒツヨウ</t>
    </rPh>
    <rPh sb="10" eb="11">
      <t>オウ</t>
    </rPh>
    <rPh sb="14" eb="16">
      <t>ツイカ</t>
    </rPh>
    <phoneticPr fontId="5"/>
  </si>
  <si>
    <t>様式１０</t>
    <rPh sb="0" eb="2">
      <t>ヨウシキ</t>
    </rPh>
    <phoneticPr fontId="5"/>
  </si>
  <si>
    <t>企画提案書（事業計画）</t>
    <rPh sb="0" eb="2">
      <t>キカク</t>
    </rPh>
    <rPh sb="2" eb="4">
      <t>テイアン</t>
    </rPh>
    <rPh sb="4" eb="5">
      <t>ショ</t>
    </rPh>
    <rPh sb="6" eb="8">
      <t>ジギョウ</t>
    </rPh>
    <rPh sb="8" eb="9">
      <t>ケイ</t>
    </rPh>
    <rPh sb="9" eb="10">
      <t>カク</t>
    </rPh>
    <phoneticPr fontId="5"/>
  </si>
  <si>
    <t>１．施設の規模・位置等</t>
    <rPh sb="2" eb="4">
      <t>シセツ</t>
    </rPh>
    <rPh sb="5" eb="7">
      <t>キボ</t>
    </rPh>
    <rPh sb="8" eb="10">
      <t>イチ</t>
    </rPh>
    <rPh sb="10" eb="11">
      <t>トウ</t>
    </rPh>
    <phoneticPr fontId="5"/>
  </si>
  <si>
    <t>施設設置
予定住所</t>
    <rPh sb="0" eb="2">
      <t>シセツ</t>
    </rPh>
    <rPh sb="2" eb="4">
      <t>セッチ</t>
    </rPh>
    <rPh sb="5" eb="7">
      <t>ヨテイ</t>
    </rPh>
    <rPh sb="7" eb="9">
      <t>ジュウショ</t>
    </rPh>
    <phoneticPr fontId="5"/>
  </si>
  <si>
    <t>【立地】最寄駅（鉄道）からの距離</t>
    <rPh sb="1" eb="3">
      <t>リッチ</t>
    </rPh>
    <rPh sb="4" eb="6">
      <t>モヨリ</t>
    </rPh>
    <rPh sb="6" eb="7">
      <t>エキ</t>
    </rPh>
    <rPh sb="8" eb="10">
      <t>テツドウ</t>
    </rPh>
    <rPh sb="14" eb="16">
      <t>キョリ</t>
    </rPh>
    <phoneticPr fontId="5"/>
  </si>
  <si>
    <t>最寄駅　　　　　　　駅から　　　　　ｍ（位置図にて図示すること）</t>
    <rPh sb="0" eb="2">
      <t>モヨリ</t>
    </rPh>
    <rPh sb="2" eb="3">
      <t>エキ</t>
    </rPh>
    <rPh sb="10" eb="11">
      <t>エキ</t>
    </rPh>
    <rPh sb="20" eb="22">
      <t>イチ</t>
    </rPh>
    <rPh sb="22" eb="23">
      <t>ズ</t>
    </rPh>
    <rPh sb="25" eb="27">
      <t>ズシ</t>
    </rPh>
    <phoneticPr fontId="5"/>
  </si>
  <si>
    <t>【土地の確保状況】</t>
    <rPh sb="1" eb="3">
      <t>トチ</t>
    </rPh>
    <rPh sb="4" eb="6">
      <t>カクホ</t>
    </rPh>
    <rPh sb="6" eb="8">
      <t>ジョウキョウ</t>
    </rPh>
    <phoneticPr fontId="5"/>
  </si>
  <si>
    <t>地番</t>
    <rPh sb="0" eb="2">
      <t>チバン</t>
    </rPh>
    <phoneticPr fontId="5"/>
  </si>
  <si>
    <t>地目</t>
    <rPh sb="0" eb="2">
      <t>チモク</t>
    </rPh>
    <phoneticPr fontId="5"/>
  </si>
  <si>
    <t>地積</t>
    <rPh sb="0" eb="2">
      <t>チセキ</t>
    </rPh>
    <phoneticPr fontId="5"/>
  </si>
  <si>
    <t>確保の方法</t>
    <rPh sb="0" eb="2">
      <t>カクホ</t>
    </rPh>
    <rPh sb="3" eb="5">
      <t>ホウホウ</t>
    </rPh>
    <phoneticPr fontId="5"/>
  </si>
  <si>
    <t>□所有　　□購入　　□贈与（贈与者：　　　　　　　）　　</t>
    <rPh sb="1" eb="3">
      <t>ショユウ</t>
    </rPh>
    <rPh sb="6" eb="8">
      <t>コウニュウ</t>
    </rPh>
    <rPh sb="11" eb="13">
      <t>ゾウヨ</t>
    </rPh>
    <rPh sb="14" eb="17">
      <t>ゾウヨシャ</t>
    </rPh>
    <phoneticPr fontId="5"/>
  </si>
  <si>
    <t>□賃貸借（無償　・　有償／賃料：　　　　　円/月）（期間：　　　　　年）　</t>
    <rPh sb="5" eb="7">
      <t>ムショウ</t>
    </rPh>
    <rPh sb="10" eb="12">
      <t>ユウショウ</t>
    </rPh>
    <rPh sb="23" eb="24">
      <t>ツキ</t>
    </rPh>
    <rPh sb="26" eb="28">
      <t>キカン</t>
    </rPh>
    <rPh sb="34" eb="35">
      <t>ネン</t>
    </rPh>
    <phoneticPr fontId="5"/>
  </si>
  <si>
    <t>　　　（貸主名：　　　　　　　　）　（地上権又は賃借権の登記：　有　・　無　）</t>
    <rPh sb="4" eb="6">
      <t>カシヌシ</t>
    </rPh>
    <rPh sb="6" eb="7">
      <t>メイ</t>
    </rPh>
    <rPh sb="19" eb="22">
      <t>チジョウケン</t>
    </rPh>
    <rPh sb="22" eb="23">
      <t>マタ</t>
    </rPh>
    <rPh sb="24" eb="26">
      <t>チンシャク</t>
    </rPh>
    <rPh sb="28" eb="30">
      <t>トウキ</t>
    </rPh>
    <rPh sb="32" eb="33">
      <t>ア</t>
    </rPh>
    <rPh sb="36" eb="37">
      <t>ナ</t>
    </rPh>
    <phoneticPr fontId="5"/>
  </si>
  <si>
    <t>□その他</t>
    <phoneticPr fontId="5"/>
  </si>
  <si>
    <t>既存建物の有無</t>
    <rPh sb="0" eb="2">
      <t>キゾン</t>
    </rPh>
    <rPh sb="2" eb="4">
      <t>タテモノ</t>
    </rPh>
    <rPh sb="5" eb="7">
      <t>ウム</t>
    </rPh>
    <phoneticPr fontId="5"/>
  </si>
  <si>
    <t>□無　　　□有（□取壊し予定（　　年　　月予定）　□残す）</t>
    <rPh sb="1" eb="2">
      <t>ナ</t>
    </rPh>
    <rPh sb="6" eb="7">
      <t>ア</t>
    </rPh>
    <rPh sb="9" eb="11">
      <t>トリコワ</t>
    </rPh>
    <rPh sb="12" eb="14">
      <t>ヨテイ</t>
    </rPh>
    <rPh sb="17" eb="18">
      <t>ネン</t>
    </rPh>
    <rPh sb="20" eb="21">
      <t>ガツ</t>
    </rPh>
    <rPh sb="21" eb="23">
      <t>ヨテイ</t>
    </rPh>
    <rPh sb="26" eb="27">
      <t>ノコ</t>
    </rPh>
    <phoneticPr fontId="5"/>
  </si>
  <si>
    <t>用途地域</t>
    <rPh sb="0" eb="2">
      <t>ヨウト</t>
    </rPh>
    <rPh sb="2" eb="4">
      <t>チイキ</t>
    </rPh>
    <phoneticPr fontId="5"/>
  </si>
  <si>
    <t>指定建ぺい率</t>
    <rPh sb="0" eb="2">
      <t>シテイ</t>
    </rPh>
    <rPh sb="2" eb="3">
      <t>ケン</t>
    </rPh>
    <rPh sb="5" eb="6">
      <t>リツ</t>
    </rPh>
    <phoneticPr fontId="5"/>
  </si>
  <si>
    <t>指定容積率</t>
    <rPh sb="0" eb="2">
      <t>シテイ</t>
    </rPh>
    <rPh sb="2" eb="4">
      <t>ヨウセキ</t>
    </rPh>
    <rPh sb="4" eb="5">
      <t>リツ</t>
    </rPh>
    <phoneticPr fontId="5"/>
  </si>
  <si>
    <t>都市計画事業の有無</t>
    <rPh sb="0" eb="2">
      <t>トシ</t>
    </rPh>
    <rPh sb="2" eb="4">
      <t>ケイカク</t>
    </rPh>
    <rPh sb="4" eb="6">
      <t>ジギョウ</t>
    </rPh>
    <rPh sb="7" eb="9">
      <t>ウム</t>
    </rPh>
    <phoneticPr fontId="5"/>
  </si>
  <si>
    <t>□計画あり　□計画なし　□事業中</t>
    <rPh sb="1" eb="2">
      <t>ケイ</t>
    </rPh>
    <rPh sb="2" eb="3">
      <t>カク</t>
    </rPh>
    <rPh sb="7" eb="8">
      <t>ケイ</t>
    </rPh>
    <rPh sb="8" eb="9">
      <t>カク</t>
    </rPh>
    <rPh sb="13" eb="15">
      <t>ジギョウ</t>
    </rPh>
    <rPh sb="15" eb="16">
      <t>チュウ</t>
    </rPh>
    <phoneticPr fontId="5"/>
  </si>
  <si>
    <t>抵当権の有無</t>
    <rPh sb="0" eb="2">
      <t>テイトウ</t>
    </rPh>
    <rPh sb="2" eb="3">
      <t>ケン</t>
    </rPh>
    <rPh sb="4" eb="6">
      <t>ウム</t>
    </rPh>
    <phoneticPr fontId="5"/>
  </si>
  <si>
    <t>□有　　□無</t>
    <rPh sb="1" eb="2">
      <t>ア</t>
    </rPh>
    <rPh sb="5" eb="6">
      <t>ナ</t>
    </rPh>
    <phoneticPr fontId="5"/>
  </si>
  <si>
    <t>前面道路</t>
    <rPh sb="0" eb="2">
      <t>ゼンメン</t>
    </rPh>
    <rPh sb="2" eb="4">
      <t>ドウロ</t>
    </rPh>
    <phoneticPr fontId="5"/>
  </si>
  <si>
    <t>　　　　　側幅員　　　　　ｍに　　　　　ｍ接道</t>
    <rPh sb="5" eb="6">
      <t>ガワ</t>
    </rPh>
    <rPh sb="6" eb="8">
      <t>フクイン</t>
    </rPh>
    <rPh sb="21" eb="23">
      <t>セツドウ</t>
    </rPh>
    <phoneticPr fontId="5"/>
  </si>
  <si>
    <t>その他特記事項</t>
    <rPh sb="2" eb="3">
      <t>タ</t>
    </rPh>
    <rPh sb="3" eb="5">
      <t>トッキ</t>
    </rPh>
    <rPh sb="5" eb="7">
      <t>ジコウ</t>
    </rPh>
    <phoneticPr fontId="5"/>
  </si>
  <si>
    <t>【建物の確保状況】</t>
    <rPh sb="1" eb="3">
      <t>タテモノ</t>
    </rPh>
    <rPh sb="4" eb="6">
      <t>カクホ</t>
    </rPh>
    <rPh sb="6" eb="8">
      <t>ジョウキョウ</t>
    </rPh>
    <phoneticPr fontId="5"/>
  </si>
  <si>
    <t>建物名及び階数</t>
    <rPh sb="0" eb="2">
      <t>タテモノ</t>
    </rPh>
    <rPh sb="2" eb="3">
      <t>メイ</t>
    </rPh>
    <rPh sb="3" eb="4">
      <t>オヨ</t>
    </rPh>
    <rPh sb="5" eb="7">
      <t>カイスウ</t>
    </rPh>
    <phoneticPr fontId="5"/>
  </si>
  <si>
    <t>床面積</t>
    <rPh sb="0" eb="1">
      <t>ユカ</t>
    </rPh>
    <rPh sb="1" eb="3">
      <t>メンセキ</t>
    </rPh>
    <phoneticPr fontId="5"/>
  </si>
  <si>
    <t>構造・耐火</t>
    <rPh sb="0" eb="2">
      <t>コウゾウ</t>
    </rPh>
    <rPh sb="3" eb="5">
      <t>タイカ</t>
    </rPh>
    <phoneticPr fontId="5"/>
  </si>
  <si>
    <t>□RC造 □鉄骨造 □木造 □その他（　　　）</t>
    <rPh sb="3" eb="4">
      <t>ゾウ</t>
    </rPh>
    <rPh sb="6" eb="8">
      <t>テッコツ</t>
    </rPh>
    <rPh sb="8" eb="9">
      <t>ゾウ</t>
    </rPh>
    <rPh sb="11" eb="13">
      <t>モクゾウ</t>
    </rPh>
    <rPh sb="17" eb="18">
      <t>タ</t>
    </rPh>
    <phoneticPr fontId="5"/>
  </si>
  <si>
    <t>所有者</t>
    <rPh sb="0" eb="3">
      <t>ショユウシャ</t>
    </rPh>
    <phoneticPr fontId="5"/>
  </si>
  <si>
    <t>□耐火建築物 □準耐火建築物 □非該当</t>
    <rPh sb="1" eb="3">
      <t>タイカ</t>
    </rPh>
    <rPh sb="3" eb="5">
      <t>ケンチク</t>
    </rPh>
    <rPh sb="5" eb="6">
      <t>ブツ</t>
    </rPh>
    <rPh sb="8" eb="9">
      <t>ジュン</t>
    </rPh>
    <rPh sb="9" eb="11">
      <t>タイカ</t>
    </rPh>
    <rPh sb="11" eb="13">
      <t>ケンチク</t>
    </rPh>
    <rPh sb="13" eb="14">
      <t>ブツ</t>
    </rPh>
    <rPh sb="16" eb="19">
      <t>ヒガイトウ</t>
    </rPh>
    <phoneticPr fontId="5"/>
  </si>
  <si>
    <t>□所有　□購入　□贈与（贈与者：　　　　　）</t>
    <rPh sb="1" eb="3">
      <t>ショユウ</t>
    </rPh>
    <rPh sb="5" eb="7">
      <t>コウニュウ</t>
    </rPh>
    <rPh sb="9" eb="11">
      <t>ゾウヨ</t>
    </rPh>
    <rPh sb="12" eb="15">
      <t>ゾウヨシャ</t>
    </rPh>
    <phoneticPr fontId="5"/>
  </si>
  <si>
    <t>□賃貸借（賃料：　　　　　　円/月・敷金　　　　　　　円）（期間：　　　　年）</t>
    <rPh sb="18" eb="20">
      <t>シキキン</t>
    </rPh>
    <rPh sb="27" eb="28">
      <t>エン</t>
    </rPh>
    <rPh sb="30" eb="32">
      <t>キカン</t>
    </rPh>
    <rPh sb="37" eb="38">
      <t>ネン</t>
    </rPh>
    <phoneticPr fontId="5"/>
  </si>
  <si>
    <t>　　　（貸主名：　　　　　　　　）　（地上権又は賃借権の登記：　有　・　無　）</t>
    <rPh sb="4" eb="6">
      <t>カシヌシ</t>
    </rPh>
    <rPh sb="6" eb="7">
      <t>メイ</t>
    </rPh>
    <rPh sb="19" eb="22">
      <t>チジョウケン</t>
    </rPh>
    <rPh sb="22" eb="23">
      <t>マタ</t>
    </rPh>
    <rPh sb="24" eb="27">
      <t>チンシャクケン</t>
    </rPh>
    <rPh sb="28" eb="30">
      <t>トウキ</t>
    </rPh>
    <rPh sb="32" eb="33">
      <t>ア</t>
    </rPh>
    <rPh sb="36" eb="37">
      <t>ナ</t>
    </rPh>
    <phoneticPr fontId="5"/>
  </si>
  <si>
    <t>□新設</t>
    <rPh sb="1" eb="2">
      <t>シン</t>
    </rPh>
    <rPh sb="2" eb="3">
      <t>セツ</t>
    </rPh>
    <phoneticPr fontId="5"/>
  </si>
  <si>
    <t>□その他　</t>
    <phoneticPr fontId="5"/>
  </si>
  <si>
    <t>賃貸借契約</t>
    <rPh sb="0" eb="3">
      <t>チンタイシャク</t>
    </rPh>
    <rPh sb="3" eb="5">
      <t>ケイヤク</t>
    </rPh>
    <phoneticPr fontId="5"/>
  </si>
  <si>
    <t>□済　　□交渉中　　□未</t>
    <rPh sb="1" eb="2">
      <t>ス</t>
    </rPh>
    <rPh sb="5" eb="7">
      <t>コウショウ</t>
    </rPh>
    <rPh sb="7" eb="8">
      <t>チュウ</t>
    </rPh>
    <rPh sb="11" eb="12">
      <t>ミ</t>
    </rPh>
    <phoneticPr fontId="5"/>
  </si>
  <si>
    <t>契約（予定）日</t>
    <rPh sb="0" eb="2">
      <t>ケイヤク</t>
    </rPh>
    <rPh sb="3" eb="5">
      <t>ヨテイ</t>
    </rPh>
    <rPh sb="6" eb="7">
      <t>ビ</t>
    </rPh>
    <phoneticPr fontId="5"/>
  </si>
  <si>
    <t>検査済証
年月日</t>
    <rPh sb="0" eb="2">
      <t>ケンサ</t>
    </rPh>
    <rPh sb="2" eb="3">
      <t>ス</t>
    </rPh>
    <rPh sb="5" eb="8">
      <t>ネンガッピ</t>
    </rPh>
    <phoneticPr fontId="5"/>
  </si>
  <si>
    <t>建築確認
年月日</t>
    <rPh sb="0" eb="2">
      <t>ケンチク</t>
    </rPh>
    <rPh sb="2" eb="4">
      <t>カクニン</t>
    </rPh>
    <rPh sb="5" eb="8">
      <t>ネンガッピ</t>
    </rPh>
    <phoneticPr fontId="5"/>
  </si>
  <si>
    <t>同一建物内の併設施設</t>
    <rPh sb="0" eb="2">
      <t>ドウイツ</t>
    </rPh>
    <rPh sb="2" eb="4">
      <t>タテモノ</t>
    </rPh>
    <rPh sb="4" eb="5">
      <t>ナイ</t>
    </rPh>
    <rPh sb="6" eb="8">
      <t>ヘイセツ</t>
    </rPh>
    <rPh sb="8" eb="10">
      <t>シセツ</t>
    </rPh>
    <phoneticPr fontId="5"/>
  </si>
  <si>
    <t>□有　　□無　　</t>
    <rPh sb="1" eb="2">
      <t>ア</t>
    </rPh>
    <rPh sb="5" eb="6">
      <t>ナ</t>
    </rPh>
    <phoneticPr fontId="5"/>
  </si>
  <si>
    <t>(有の場合、その名称・事業)</t>
    <phoneticPr fontId="5"/>
  </si>
  <si>
    <t>２．施設の概要</t>
    <rPh sb="2" eb="4">
      <t>シセツ</t>
    </rPh>
    <rPh sb="5" eb="7">
      <t>ガイヨウ</t>
    </rPh>
    <phoneticPr fontId="5"/>
  </si>
  <si>
    <t>敷地面積</t>
    <rPh sb="0" eb="2">
      <t>シキチ</t>
    </rPh>
    <rPh sb="2" eb="4">
      <t>メンセキ</t>
    </rPh>
    <phoneticPr fontId="5"/>
  </si>
  <si>
    <t>建築面積</t>
    <rPh sb="0" eb="2">
      <t>ケンチク</t>
    </rPh>
    <rPh sb="2" eb="4">
      <t>メンセキ</t>
    </rPh>
    <phoneticPr fontId="5"/>
  </si>
  <si>
    <t>延床面積</t>
    <rPh sb="0" eb="1">
      <t>ノ</t>
    </rPh>
    <rPh sb="1" eb="2">
      <t>ユカ</t>
    </rPh>
    <rPh sb="2" eb="4">
      <t>メンセキ</t>
    </rPh>
    <phoneticPr fontId="5"/>
  </si>
  <si>
    <r>
      <t xml:space="preserve">
</t>
    </r>
    <r>
      <rPr>
        <sz val="10"/>
        <color indexed="8"/>
        <rFont val="ＭＳ Ｐ明朝"/>
        <family val="1"/>
        <charset val="128"/>
      </rPr>
      <t>（うち賃貸の場合専有　 ㎡）</t>
    </r>
    <phoneticPr fontId="5"/>
  </si>
  <si>
    <t>構造</t>
    <rPh sb="0" eb="2">
      <t>コウゾウ</t>
    </rPh>
    <phoneticPr fontId="5"/>
  </si>
  <si>
    <t>　　造　　階建</t>
    <rPh sb="2" eb="3">
      <t>ゾウ</t>
    </rPh>
    <rPh sb="5" eb="6">
      <t>カイ</t>
    </rPh>
    <rPh sb="6" eb="7">
      <t>タ</t>
    </rPh>
    <phoneticPr fontId="5"/>
  </si>
  <si>
    <t>建物性能</t>
    <rPh sb="0" eb="2">
      <t>タテモノ</t>
    </rPh>
    <rPh sb="2" eb="4">
      <t>セイノウ</t>
    </rPh>
    <phoneticPr fontId="5"/>
  </si>
  <si>
    <t>□耐火　□準耐火　□非該当</t>
    <rPh sb="10" eb="13">
      <t>ヒガイトウ</t>
    </rPh>
    <phoneticPr fontId="5"/>
  </si>
  <si>
    <t>【面積内訳】</t>
    <rPh sb="1" eb="3">
      <t>メンセキ</t>
    </rPh>
    <rPh sb="3" eb="5">
      <t>ウチワケ</t>
    </rPh>
    <phoneticPr fontId="5"/>
  </si>
  <si>
    <t>室　名</t>
    <rPh sb="0" eb="1">
      <t>シツ</t>
    </rPh>
    <rPh sb="2" eb="3">
      <t>メイ</t>
    </rPh>
    <phoneticPr fontId="5"/>
  </si>
  <si>
    <t>面積（㎡）</t>
    <rPh sb="0" eb="2">
      <t>メンセキ</t>
    </rPh>
    <phoneticPr fontId="5"/>
  </si>
  <si>
    <t>一人あたり
の面積（㎡）</t>
    <rPh sb="0" eb="2">
      <t>ヒトリ</t>
    </rPh>
    <rPh sb="7" eb="9">
      <t>メンセキ</t>
    </rPh>
    <phoneticPr fontId="5"/>
  </si>
  <si>
    <t>備　考</t>
    <rPh sb="0" eb="1">
      <t>ソナエ</t>
    </rPh>
    <rPh sb="2" eb="3">
      <t>コウ</t>
    </rPh>
    <phoneticPr fontId="5"/>
  </si>
  <si>
    <t>医務室</t>
    <rPh sb="0" eb="3">
      <t>イムシツ</t>
    </rPh>
    <phoneticPr fontId="5"/>
  </si>
  <si>
    <t>事務室</t>
    <rPh sb="0" eb="3">
      <t>ジムシツ</t>
    </rPh>
    <phoneticPr fontId="5"/>
  </si>
  <si>
    <t>便所（児童用）</t>
    <rPh sb="0" eb="2">
      <t>ベンジョ</t>
    </rPh>
    <rPh sb="3" eb="5">
      <t>ジドウ</t>
    </rPh>
    <rPh sb="5" eb="6">
      <t>ヨウ</t>
    </rPh>
    <phoneticPr fontId="5"/>
  </si>
  <si>
    <t>便所（職員用）</t>
    <rPh sb="0" eb="2">
      <t>ベンジョ</t>
    </rPh>
    <rPh sb="3" eb="5">
      <t>ショクイン</t>
    </rPh>
    <rPh sb="5" eb="6">
      <t>ヨウ</t>
    </rPh>
    <phoneticPr fontId="5"/>
  </si>
  <si>
    <t>沐浴室</t>
    <rPh sb="0" eb="2">
      <t>モクヨク</t>
    </rPh>
    <rPh sb="2" eb="3">
      <t>シツ</t>
    </rPh>
    <phoneticPr fontId="5"/>
  </si>
  <si>
    <t>職員休憩・更衣室</t>
    <rPh sb="0" eb="2">
      <t>ショクイン</t>
    </rPh>
    <rPh sb="2" eb="4">
      <t>キュウケイ</t>
    </rPh>
    <rPh sb="5" eb="8">
      <t>コウイシツ</t>
    </rPh>
    <phoneticPr fontId="5"/>
  </si>
  <si>
    <t>洗濯室</t>
    <rPh sb="0" eb="2">
      <t>センタク</t>
    </rPh>
    <rPh sb="2" eb="3">
      <t>シツ</t>
    </rPh>
    <phoneticPr fontId="5"/>
  </si>
  <si>
    <t>調理設備</t>
    <rPh sb="0" eb="2">
      <t>チョウリ</t>
    </rPh>
    <rPh sb="2" eb="4">
      <t>セツビ</t>
    </rPh>
    <phoneticPr fontId="5"/>
  </si>
  <si>
    <t>調乳設備</t>
    <rPh sb="0" eb="1">
      <t>チョウ</t>
    </rPh>
    <rPh sb="1" eb="2">
      <t>ニュウ</t>
    </rPh>
    <rPh sb="2" eb="4">
      <t>セツビ</t>
    </rPh>
    <phoneticPr fontId="5"/>
  </si>
  <si>
    <t>【屋外遊戯場】</t>
    <rPh sb="1" eb="3">
      <t>オクガイ</t>
    </rPh>
    <rPh sb="3" eb="5">
      <t>ユウギ</t>
    </rPh>
    <rPh sb="5" eb="6">
      <t>バ</t>
    </rPh>
    <phoneticPr fontId="5"/>
  </si>
  <si>
    <t>屋外遊戯場</t>
    <rPh sb="0" eb="2">
      <t>オクガイ</t>
    </rPh>
    <rPh sb="2" eb="4">
      <t>ユウギ</t>
    </rPh>
    <rPh sb="4" eb="5">
      <t>バ</t>
    </rPh>
    <phoneticPr fontId="5"/>
  </si>
  <si>
    <r>
      <t>□有　　□無</t>
    </r>
    <r>
      <rPr>
        <sz val="10"/>
        <color indexed="8"/>
        <rFont val="ＭＳ Ｐ明朝"/>
        <family val="1"/>
        <charset val="128"/>
      </rPr>
      <t>（無の場合、付近代替地の公園等の所在地と名称：</t>
    </r>
    <r>
      <rPr>
        <sz val="11"/>
        <color indexed="8"/>
        <rFont val="ＭＳ Ｐ明朝"/>
        <family val="1"/>
        <charset val="128"/>
      </rPr>
      <t>　　　　　　　　　　　　　　　　　　　　</t>
    </r>
    <r>
      <rPr>
        <sz val="10"/>
        <color indexed="8"/>
        <rFont val="ＭＳ Ｐ明朝"/>
        <family val="1"/>
        <charset val="128"/>
      </rPr>
      <t>　）　</t>
    </r>
    <r>
      <rPr>
        <sz val="11"/>
        <color indexed="8"/>
        <rFont val="ＭＳ Ｐ明朝"/>
        <family val="1"/>
        <charset val="128"/>
      </rPr>
      <t>　　　　　　　　　　　　　　　　　　　　　　　　　</t>
    </r>
    <rPh sb="1" eb="2">
      <t>ア</t>
    </rPh>
    <rPh sb="5" eb="6">
      <t>ナ</t>
    </rPh>
    <rPh sb="7" eb="8">
      <t>ナ</t>
    </rPh>
    <rPh sb="9" eb="11">
      <t>バアイ</t>
    </rPh>
    <rPh sb="12" eb="14">
      <t>フキン</t>
    </rPh>
    <rPh sb="14" eb="16">
      <t>ダイガエ</t>
    </rPh>
    <rPh sb="16" eb="17">
      <t>チ</t>
    </rPh>
    <rPh sb="18" eb="20">
      <t>コウエン</t>
    </rPh>
    <rPh sb="20" eb="21">
      <t>トウ</t>
    </rPh>
    <rPh sb="22" eb="25">
      <t>ショザイチ</t>
    </rPh>
    <rPh sb="26" eb="28">
      <t>メイショウ</t>
    </rPh>
    <phoneticPr fontId="5"/>
  </si>
  <si>
    <t>屋外遊戯場（代替含む）の面積</t>
    <rPh sb="0" eb="2">
      <t>オクガイ</t>
    </rPh>
    <rPh sb="2" eb="4">
      <t>ユウギ</t>
    </rPh>
    <rPh sb="4" eb="5">
      <t>ジョウ</t>
    </rPh>
    <rPh sb="6" eb="8">
      <t>ダイガエ</t>
    </rPh>
    <rPh sb="8" eb="9">
      <t>フク</t>
    </rPh>
    <rPh sb="12" eb="14">
      <t>メンセキ</t>
    </rPh>
    <phoneticPr fontId="5"/>
  </si>
  <si>
    <t>一人あたり
の面積</t>
    <rPh sb="0" eb="2">
      <t>ヒトリ</t>
    </rPh>
    <rPh sb="7" eb="9">
      <t>メンセキ</t>
    </rPh>
    <phoneticPr fontId="5"/>
  </si>
  <si>
    <t>付近代替の場合、
保育所からの距離</t>
    <rPh sb="0" eb="2">
      <t>フキン</t>
    </rPh>
    <rPh sb="2" eb="4">
      <t>ダイガエ</t>
    </rPh>
    <rPh sb="5" eb="7">
      <t>バアイ</t>
    </rPh>
    <rPh sb="9" eb="11">
      <t>ホイク</t>
    </rPh>
    <rPh sb="11" eb="12">
      <t>ショ</t>
    </rPh>
    <rPh sb="15" eb="17">
      <t>キョリ</t>
    </rPh>
    <phoneticPr fontId="5"/>
  </si>
  <si>
    <t>ｍ</t>
    <phoneticPr fontId="5"/>
  </si>
  <si>
    <t>歩道のない車道を通行する距離と対処方法</t>
    <rPh sb="0" eb="2">
      <t>ホドウ</t>
    </rPh>
    <rPh sb="5" eb="7">
      <t>シャドウ</t>
    </rPh>
    <rPh sb="8" eb="10">
      <t>ツウコウ</t>
    </rPh>
    <rPh sb="12" eb="14">
      <t>キョリ</t>
    </rPh>
    <rPh sb="15" eb="17">
      <t>タイショ</t>
    </rPh>
    <rPh sb="17" eb="19">
      <t>ホウホウ</t>
    </rPh>
    <phoneticPr fontId="5"/>
  </si>
  <si>
    <t>【近隣対策】</t>
    <rPh sb="1" eb="3">
      <t>キンリン</t>
    </rPh>
    <rPh sb="3" eb="4">
      <t>タイ</t>
    </rPh>
    <rPh sb="4" eb="5">
      <t>サク</t>
    </rPh>
    <phoneticPr fontId="5"/>
  </si>
  <si>
    <t>送迎用
駐車場面積</t>
    <rPh sb="0" eb="2">
      <t>ソウゲイ</t>
    </rPh>
    <rPh sb="2" eb="3">
      <t>ヨウ</t>
    </rPh>
    <rPh sb="4" eb="6">
      <t>チュウシャ</t>
    </rPh>
    <rPh sb="6" eb="7">
      <t>ジョウ</t>
    </rPh>
    <rPh sb="7" eb="9">
      <t>メンセキ</t>
    </rPh>
    <phoneticPr fontId="5"/>
  </si>
  <si>
    <t xml:space="preserve">              ㎡（　　　　　　　台分）</t>
    <rPh sb="23" eb="24">
      <t>ダイ</t>
    </rPh>
    <rPh sb="24" eb="25">
      <t>ブン</t>
    </rPh>
    <phoneticPr fontId="5"/>
  </si>
  <si>
    <t>送迎用
駐輪場面積</t>
    <rPh sb="0" eb="2">
      <t>ソウゲイ</t>
    </rPh>
    <rPh sb="2" eb="3">
      <t>ヨウ</t>
    </rPh>
    <rPh sb="4" eb="6">
      <t>チュウリン</t>
    </rPh>
    <rPh sb="6" eb="7">
      <t>ジョウ</t>
    </rPh>
    <rPh sb="7" eb="9">
      <t>メンセキ</t>
    </rPh>
    <phoneticPr fontId="5"/>
  </si>
  <si>
    <t>㎡（　　　　　台分）</t>
    <rPh sb="7" eb="8">
      <t>ダイ</t>
    </rPh>
    <rPh sb="8" eb="9">
      <t>ブン</t>
    </rPh>
    <phoneticPr fontId="5"/>
  </si>
  <si>
    <t>建設時等の説明会の開催</t>
    <rPh sb="0" eb="2">
      <t>ケンセツ</t>
    </rPh>
    <rPh sb="2" eb="3">
      <t>ジ</t>
    </rPh>
    <rPh sb="3" eb="4">
      <t>トウ</t>
    </rPh>
    <rPh sb="5" eb="7">
      <t>セツメイ</t>
    </rPh>
    <rPh sb="7" eb="8">
      <t>カイ</t>
    </rPh>
    <rPh sb="9" eb="11">
      <t>カイサイ</t>
    </rPh>
    <phoneticPr fontId="5"/>
  </si>
  <si>
    <t>□実施する　□実施しない　□その他（　　　　　　）</t>
    <phoneticPr fontId="5"/>
  </si>
  <si>
    <t>情報提供方法</t>
    <rPh sb="0" eb="2">
      <t>ジョウホウ</t>
    </rPh>
    <rPh sb="2" eb="4">
      <t>テイキョウ</t>
    </rPh>
    <rPh sb="4" eb="6">
      <t>ホウホウ</t>
    </rPh>
    <phoneticPr fontId="5"/>
  </si>
  <si>
    <t>施設等の見学</t>
    <rPh sb="0" eb="2">
      <t>シセツ</t>
    </rPh>
    <rPh sb="2" eb="3">
      <t>トウ</t>
    </rPh>
    <rPh sb="4" eb="6">
      <t>ケンガク</t>
    </rPh>
    <phoneticPr fontId="5"/>
  </si>
  <si>
    <t>□実施する　□実施しない
□その他（　　　　　）</t>
    <rPh sb="1" eb="3">
      <t>ジッシ</t>
    </rPh>
    <rPh sb="7" eb="9">
      <t>ジッシ</t>
    </rPh>
    <rPh sb="16" eb="17">
      <t>タ</t>
    </rPh>
    <phoneticPr fontId="5"/>
  </si>
  <si>
    <t>【安全対策】</t>
    <rPh sb="1" eb="3">
      <t>アンゼン</t>
    </rPh>
    <rPh sb="3" eb="5">
      <t>タイサク</t>
    </rPh>
    <phoneticPr fontId="5"/>
  </si>
  <si>
    <t>消火設備の設置</t>
    <rPh sb="0" eb="2">
      <t>ショウカ</t>
    </rPh>
    <rPh sb="2" eb="4">
      <t>セツビ</t>
    </rPh>
    <rPh sb="5" eb="7">
      <t>セッチ</t>
    </rPh>
    <phoneticPr fontId="5"/>
  </si>
  <si>
    <t>□有（□消火器　□その他：　　　　　　）　□無</t>
    <rPh sb="1" eb="2">
      <t>ア</t>
    </rPh>
    <rPh sb="4" eb="7">
      <t>ショウカキ</t>
    </rPh>
    <rPh sb="11" eb="12">
      <t>タ</t>
    </rPh>
    <rPh sb="22" eb="23">
      <t>ナ</t>
    </rPh>
    <phoneticPr fontId="5"/>
  </si>
  <si>
    <t>警報・通報設備</t>
    <rPh sb="0" eb="2">
      <t>ケイホウ</t>
    </rPh>
    <rPh sb="3" eb="5">
      <t>ツウホウ</t>
    </rPh>
    <rPh sb="5" eb="7">
      <t>セツビ</t>
    </rPh>
    <phoneticPr fontId="5"/>
  </si>
  <si>
    <t>□火災報知機等非常警報器具または設備（　　　　　　　）
□消火機関へ火災を通報する設備（　　　　　　　　　　　）</t>
    <rPh sb="1" eb="3">
      <t>カサイ</t>
    </rPh>
    <rPh sb="3" eb="5">
      <t>ホウチ</t>
    </rPh>
    <rPh sb="5" eb="6">
      <t>キ</t>
    </rPh>
    <rPh sb="6" eb="7">
      <t>トウ</t>
    </rPh>
    <rPh sb="7" eb="9">
      <t>ヒジョウ</t>
    </rPh>
    <rPh sb="9" eb="11">
      <t>ケイホウ</t>
    </rPh>
    <rPh sb="11" eb="13">
      <t>キグ</t>
    </rPh>
    <rPh sb="16" eb="18">
      <t>セツビ</t>
    </rPh>
    <phoneticPr fontId="5"/>
  </si>
  <si>
    <t>避難器具</t>
    <rPh sb="0" eb="2">
      <t>ヒナン</t>
    </rPh>
    <rPh sb="2" eb="4">
      <t>キグ</t>
    </rPh>
    <phoneticPr fontId="5"/>
  </si>
  <si>
    <t>□有（　　　　　　　　　　　　　）　　□無</t>
    <rPh sb="1" eb="2">
      <t>ア</t>
    </rPh>
    <rPh sb="20" eb="21">
      <t>ナ</t>
    </rPh>
    <phoneticPr fontId="5"/>
  </si>
  <si>
    <t>防炎処理</t>
    <rPh sb="0" eb="2">
      <t>ボウエン</t>
    </rPh>
    <rPh sb="2" eb="4">
      <t>ショリ</t>
    </rPh>
    <phoneticPr fontId="5"/>
  </si>
  <si>
    <t>□カーテン（□防炎物品）　□敷物（□防炎物品）　
□建具等（□防炎物品　□防炎スプレー）</t>
    <rPh sb="7" eb="9">
      <t>ボウエン</t>
    </rPh>
    <rPh sb="9" eb="11">
      <t>ブッピン</t>
    </rPh>
    <rPh sb="14" eb="16">
      <t>シキモノ</t>
    </rPh>
    <rPh sb="18" eb="20">
      <t>ボウエン</t>
    </rPh>
    <rPh sb="20" eb="22">
      <t>ブッピン</t>
    </rPh>
    <rPh sb="26" eb="28">
      <t>タテグ</t>
    </rPh>
    <rPh sb="28" eb="29">
      <t>トウ</t>
    </rPh>
    <rPh sb="31" eb="33">
      <t>ボウエン</t>
    </rPh>
    <rPh sb="33" eb="35">
      <t>ブッピン</t>
    </rPh>
    <rPh sb="37" eb="39">
      <t>ボウエン</t>
    </rPh>
    <phoneticPr fontId="5"/>
  </si>
  <si>
    <t>玄関以外の非常口</t>
    <rPh sb="0" eb="2">
      <t>ゲンカン</t>
    </rPh>
    <rPh sb="2" eb="4">
      <t>イガイ</t>
    </rPh>
    <rPh sb="5" eb="7">
      <t>ヒジョウ</t>
    </rPh>
    <rPh sb="7" eb="8">
      <t>グチ</t>
    </rPh>
    <phoneticPr fontId="5"/>
  </si>
  <si>
    <t>□有　□無（無の場合、避難器具□有（　　　　　　）□無）</t>
    <rPh sb="1" eb="2">
      <t>ア</t>
    </rPh>
    <rPh sb="4" eb="5">
      <t>ナ</t>
    </rPh>
    <rPh sb="6" eb="7">
      <t>ナ</t>
    </rPh>
    <rPh sb="8" eb="10">
      <t>バアイ</t>
    </rPh>
    <rPh sb="11" eb="13">
      <t>ヒナン</t>
    </rPh>
    <rPh sb="13" eb="15">
      <t>キグ</t>
    </rPh>
    <rPh sb="16" eb="17">
      <t>ア</t>
    </rPh>
    <rPh sb="26" eb="27">
      <t>ナ</t>
    </rPh>
    <phoneticPr fontId="5"/>
  </si>
  <si>
    <t>避難設備
（保育室が2階の場合）</t>
    <rPh sb="0" eb="2">
      <t>ヒナン</t>
    </rPh>
    <rPh sb="2" eb="4">
      <t>セツビ</t>
    </rPh>
    <rPh sb="6" eb="8">
      <t>ホイク</t>
    </rPh>
    <rPh sb="8" eb="9">
      <t>シツ</t>
    </rPh>
    <rPh sb="11" eb="12">
      <t>カイ</t>
    </rPh>
    <rPh sb="13" eb="15">
      <t>バアイ</t>
    </rPh>
    <phoneticPr fontId="5"/>
  </si>
  <si>
    <t>□屋内階段（　箇所）　□屋外階段（　箇所）　□屋外傾斜路（耐火・準耐火）　</t>
    <rPh sb="1" eb="3">
      <t>オクナイ</t>
    </rPh>
    <rPh sb="3" eb="5">
      <t>カイダン</t>
    </rPh>
    <rPh sb="7" eb="9">
      <t>カショ</t>
    </rPh>
    <rPh sb="12" eb="14">
      <t>オクガイ</t>
    </rPh>
    <rPh sb="14" eb="16">
      <t>カイダン</t>
    </rPh>
    <rPh sb="18" eb="20">
      <t>カショ</t>
    </rPh>
    <rPh sb="23" eb="25">
      <t>オクガイ</t>
    </rPh>
    <rPh sb="25" eb="27">
      <t>ケイシャ</t>
    </rPh>
    <rPh sb="27" eb="28">
      <t>ロ</t>
    </rPh>
    <rPh sb="29" eb="31">
      <t>タイカ</t>
    </rPh>
    <rPh sb="32" eb="33">
      <t>ジュン</t>
    </rPh>
    <rPh sb="33" eb="35">
      <t>タイカ</t>
    </rPh>
    <phoneticPr fontId="5"/>
  </si>
  <si>
    <t>□その他避難器具（　　　　　　）□児童の出入り・通行する場所に転落防止設備</t>
    <rPh sb="3" eb="4">
      <t>タ</t>
    </rPh>
    <rPh sb="4" eb="6">
      <t>ヒナン</t>
    </rPh>
    <rPh sb="6" eb="8">
      <t>キグ</t>
    </rPh>
    <rPh sb="17" eb="19">
      <t>ジドウ</t>
    </rPh>
    <rPh sb="20" eb="22">
      <t>デイ</t>
    </rPh>
    <rPh sb="24" eb="26">
      <t>ツウコウ</t>
    </rPh>
    <rPh sb="28" eb="30">
      <t>バショ</t>
    </rPh>
    <rPh sb="31" eb="33">
      <t>テンラク</t>
    </rPh>
    <rPh sb="33" eb="35">
      <t>ボウシ</t>
    </rPh>
    <rPh sb="35" eb="37">
      <t>セツビ</t>
    </rPh>
    <phoneticPr fontId="5"/>
  </si>
  <si>
    <t>避難設備
（保育室が3階以上の場合）</t>
    <rPh sb="0" eb="2">
      <t>ヒナン</t>
    </rPh>
    <rPh sb="2" eb="4">
      <t>セツビ</t>
    </rPh>
    <rPh sb="6" eb="8">
      <t>ホイク</t>
    </rPh>
    <rPh sb="8" eb="9">
      <t>シツ</t>
    </rPh>
    <rPh sb="11" eb="12">
      <t>カイ</t>
    </rPh>
    <rPh sb="12" eb="14">
      <t>イジョウ</t>
    </rPh>
    <rPh sb="15" eb="17">
      <t>バアイ</t>
    </rPh>
    <phoneticPr fontId="5"/>
  </si>
  <si>
    <r>
      <t>□</t>
    </r>
    <r>
      <rPr>
        <sz val="10.5"/>
        <color indexed="8"/>
        <rFont val="ＭＳ Ｐ明朝"/>
        <family val="1"/>
        <charset val="128"/>
      </rPr>
      <t>調理室とそれ以外の部分が耐火構造の床若しくは壁又は特定防火設備で区画</t>
    </r>
    <rPh sb="1" eb="4">
      <t>チョウリシツ</t>
    </rPh>
    <rPh sb="7" eb="9">
      <t>イガイ</t>
    </rPh>
    <rPh sb="10" eb="12">
      <t>ブブン</t>
    </rPh>
    <rPh sb="13" eb="15">
      <t>タイカ</t>
    </rPh>
    <rPh sb="15" eb="17">
      <t>コウゾウ</t>
    </rPh>
    <rPh sb="18" eb="19">
      <t>ユカ</t>
    </rPh>
    <rPh sb="19" eb="20">
      <t>モ</t>
    </rPh>
    <rPh sb="23" eb="24">
      <t>カベ</t>
    </rPh>
    <rPh sb="24" eb="25">
      <t>マタ</t>
    </rPh>
    <rPh sb="26" eb="28">
      <t>トクテイ</t>
    </rPh>
    <rPh sb="28" eb="30">
      <t>ボウカ</t>
    </rPh>
    <rPh sb="30" eb="32">
      <t>セツビ</t>
    </rPh>
    <rPh sb="33" eb="35">
      <t>クカク</t>
    </rPh>
    <phoneticPr fontId="5"/>
  </si>
  <si>
    <t>□調理室に自動スプリンクラー等又は調理器具に自動消化装置及び調理室内に延焼防止装置</t>
    <rPh sb="1" eb="4">
      <t>チョウリシツ</t>
    </rPh>
    <rPh sb="5" eb="7">
      <t>ジドウ</t>
    </rPh>
    <rPh sb="14" eb="15">
      <t>トウ</t>
    </rPh>
    <rPh sb="15" eb="16">
      <t>マタ</t>
    </rPh>
    <rPh sb="17" eb="19">
      <t>チョウリ</t>
    </rPh>
    <rPh sb="19" eb="21">
      <t>キグ</t>
    </rPh>
    <rPh sb="22" eb="24">
      <t>ジドウ</t>
    </rPh>
    <rPh sb="24" eb="26">
      <t>ショウカ</t>
    </rPh>
    <rPh sb="26" eb="28">
      <t>ソウチ</t>
    </rPh>
    <rPh sb="28" eb="29">
      <t>オヨ</t>
    </rPh>
    <rPh sb="30" eb="33">
      <t>チョウリシツ</t>
    </rPh>
    <rPh sb="33" eb="34">
      <t>ナイ</t>
    </rPh>
    <rPh sb="35" eb="37">
      <t>エンショウ</t>
    </rPh>
    <rPh sb="37" eb="39">
      <t>ボウシ</t>
    </rPh>
    <rPh sb="39" eb="41">
      <t>ソウチ</t>
    </rPh>
    <phoneticPr fontId="5"/>
  </si>
  <si>
    <t>□保育室の壁・天井の仕上げが不燃材料</t>
    <rPh sb="1" eb="4">
      <t>ホイクシツ</t>
    </rPh>
    <rPh sb="5" eb="6">
      <t>カベ</t>
    </rPh>
    <rPh sb="7" eb="9">
      <t>テンジョウ</t>
    </rPh>
    <rPh sb="10" eb="12">
      <t>シア</t>
    </rPh>
    <rPh sb="14" eb="16">
      <t>フネン</t>
    </rPh>
    <rPh sb="16" eb="18">
      <t>ザイリョウ</t>
    </rPh>
    <phoneticPr fontId="5"/>
  </si>
  <si>
    <t>□非常警報機又は非常警報装置　□カーテン・敷物・建具が防災処理済</t>
    <rPh sb="1" eb="3">
      <t>ヒジョウ</t>
    </rPh>
    <rPh sb="3" eb="5">
      <t>ケイホウ</t>
    </rPh>
    <rPh sb="5" eb="6">
      <t>キ</t>
    </rPh>
    <rPh sb="6" eb="7">
      <t>マタ</t>
    </rPh>
    <rPh sb="8" eb="10">
      <t>ヒジョウ</t>
    </rPh>
    <rPh sb="10" eb="12">
      <t>ケイホウ</t>
    </rPh>
    <rPh sb="12" eb="14">
      <t>ソウチ</t>
    </rPh>
    <rPh sb="21" eb="23">
      <t>シキモノ</t>
    </rPh>
    <rPh sb="24" eb="26">
      <t>タテグ</t>
    </rPh>
    <rPh sb="27" eb="29">
      <t>ボウサイ</t>
    </rPh>
    <rPh sb="29" eb="31">
      <t>ショリ</t>
    </rPh>
    <rPh sb="31" eb="32">
      <t>ス</t>
    </rPh>
    <phoneticPr fontId="5"/>
  </si>
  <si>
    <t>防災計画</t>
    <rPh sb="0" eb="2">
      <t>ボウサイ</t>
    </rPh>
    <rPh sb="2" eb="4">
      <t>ケイカク</t>
    </rPh>
    <phoneticPr fontId="5"/>
  </si>
  <si>
    <t>□有　□作成予定　□無</t>
    <rPh sb="1" eb="2">
      <t>ア</t>
    </rPh>
    <rPh sb="4" eb="6">
      <t>サクセイ</t>
    </rPh>
    <rPh sb="6" eb="8">
      <t>ヨテイ</t>
    </rPh>
    <rPh sb="10" eb="11">
      <t>ナ</t>
    </rPh>
    <phoneticPr fontId="5"/>
  </si>
  <si>
    <t>防災訓練</t>
    <rPh sb="0" eb="2">
      <t>ボウサイ</t>
    </rPh>
    <rPh sb="2" eb="4">
      <t>クンレン</t>
    </rPh>
    <phoneticPr fontId="5"/>
  </si>
  <si>
    <t>年　　　回（消火訓練　　　回、避難訓練　　　回）</t>
    <rPh sb="0" eb="1">
      <t>ネン</t>
    </rPh>
    <rPh sb="4" eb="5">
      <t>カイ</t>
    </rPh>
    <rPh sb="6" eb="8">
      <t>ショウカ</t>
    </rPh>
    <rPh sb="8" eb="10">
      <t>クンレン</t>
    </rPh>
    <rPh sb="13" eb="14">
      <t>カイ</t>
    </rPh>
    <rPh sb="15" eb="17">
      <t>ヒナン</t>
    </rPh>
    <rPh sb="17" eb="19">
      <t>クンレン</t>
    </rPh>
    <rPh sb="22" eb="23">
      <t>カイ</t>
    </rPh>
    <phoneticPr fontId="5"/>
  </si>
  <si>
    <t>緊急時対応マニュアル</t>
    <rPh sb="0" eb="3">
      <t>キンキュウジ</t>
    </rPh>
    <rPh sb="3" eb="5">
      <t>タイオウ</t>
    </rPh>
    <phoneticPr fontId="5"/>
  </si>
  <si>
    <t>□作成する　　□作成しない</t>
    <rPh sb="1" eb="3">
      <t>サクセイ</t>
    </rPh>
    <rPh sb="8" eb="10">
      <t>サクセイ</t>
    </rPh>
    <phoneticPr fontId="5"/>
  </si>
  <si>
    <t>防犯対策</t>
    <rPh sb="0" eb="2">
      <t>ボウハン</t>
    </rPh>
    <rPh sb="2" eb="3">
      <t>タイ</t>
    </rPh>
    <rPh sb="3" eb="4">
      <t>サク</t>
    </rPh>
    <phoneticPr fontId="5"/>
  </si>
  <si>
    <t>施設面での特記：□無　□有（内容：　　　　　　　　　　　　　　　　）</t>
    <rPh sb="0" eb="3">
      <t>シセツメン</t>
    </rPh>
    <rPh sb="5" eb="7">
      <t>トッキ</t>
    </rPh>
    <rPh sb="9" eb="10">
      <t>ナ</t>
    </rPh>
    <rPh sb="12" eb="13">
      <t>ア</t>
    </rPh>
    <rPh sb="14" eb="16">
      <t>ナイヨウ</t>
    </rPh>
    <phoneticPr fontId="5"/>
  </si>
  <si>
    <t>【整備計画詳細】</t>
    <rPh sb="1" eb="3">
      <t>セイビ</t>
    </rPh>
    <rPh sb="3" eb="5">
      <t>ケイカク</t>
    </rPh>
    <rPh sb="5" eb="7">
      <t>ショウサイ</t>
    </rPh>
    <phoneticPr fontId="5"/>
  </si>
  <si>
    <t>計画案詳細</t>
    <rPh sb="0" eb="2">
      <t>ケイカク</t>
    </rPh>
    <rPh sb="2" eb="3">
      <t>アン</t>
    </rPh>
    <rPh sb="3" eb="5">
      <t>ショウサイ</t>
    </rPh>
    <phoneticPr fontId="5"/>
  </si>
  <si>
    <t>※立図面等添付</t>
    <rPh sb="1" eb="2">
      <t>リツ</t>
    </rPh>
    <rPh sb="2" eb="4">
      <t>ズメン</t>
    </rPh>
    <rPh sb="4" eb="5">
      <t>トウ</t>
    </rPh>
    <rPh sb="5" eb="7">
      <t>テンプ</t>
    </rPh>
    <phoneticPr fontId="5"/>
  </si>
  <si>
    <t>開設資金計画書</t>
    <rPh sb="0" eb="2">
      <t>カイセツ</t>
    </rPh>
    <rPh sb="2" eb="4">
      <t>シキン</t>
    </rPh>
    <rPh sb="4" eb="7">
      <t>ケイカクショ</t>
    </rPh>
    <phoneticPr fontId="5"/>
  </si>
  <si>
    <t>■ 開設に係る事業費</t>
    <rPh sb="2" eb="4">
      <t>カイセツ</t>
    </rPh>
    <rPh sb="5" eb="6">
      <t>カカ</t>
    </rPh>
    <rPh sb="7" eb="10">
      <t>ジギョウヒ</t>
    </rPh>
    <phoneticPr fontId="5"/>
  </si>
  <si>
    <t>１．開設準備費用（支出）</t>
    <rPh sb="2" eb="4">
      <t>カイセツ</t>
    </rPh>
    <rPh sb="4" eb="6">
      <t>ジュンビ</t>
    </rPh>
    <rPh sb="6" eb="7">
      <t>ヒ</t>
    </rPh>
    <rPh sb="7" eb="8">
      <t>ヨウ</t>
    </rPh>
    <rPh sb="9" eb="11">
      <t>シシュツ</t>
    </rPh>
    <phoneticPr fontId="5"/>
  </si>
  <si>
    <t>金額</t>
    <rPh sb="0" eb="2">
      <t>キンガク</t>
    </rPh>
    <phoneticPr fontId="5"/>
  </si>
  <si>
    <t>整備費</t>
    <rPh sb="0" eb="3">
      <t>セイビヒ</t>
    </rPh>
    <phoneticPr fontId="5"/>
  </si>
  <si>
    <t>本体工事</t>
    <rPh sb="0" eb="2">
      <t>ホンタイ</t>
    </rPh>
    <rPh sb="2" eb="4">
      <t>コウジ</t>
    </rPh>
    <phoneticPr fontId="5"/>
  </si>
  <si>
    <t>建物工事</t>
    <rPh sb="0" eb="2">
      <t>タテモノ</t>
    </rPh>
    <rPh sb="2" eb="4">
      <t>コウジ</t>
    </rPh>
    <phoneticPr fontId="5"/>
  </si>
  <si>
    <t>設備工事</t>
    <rPh sb="0" eb="2">
      <t>セツビ</t>
    </rPh>
    <rPh sb="2" eb="4">
      <t>コウジ</t>
    </rPh>
    <phoneticPr fontId="5"/>
  </si>
  <si>
    <t>外構整備</t>
    <rPh sb="0" eb="2">
      <t>ガイコウ</t>
    </rPh>
    <rPh sb="2" eb="4">
      <t>セイビ</t>
    </rPh>
    <phoneticPr fontId="5"/>
  </si>
  <si>
    <t>その他工事</t>
    <rPh sb="2" eb="3">
      <t>タ</t>
    </rPh>
    <rPh sb="3" eb="5">
      <t>コウジ</t>
    </rPh>
    <phoneticPr fontId="5"/>
  </si>
  <si>
    <t>小計</t>
    <rPh sb="0" eb="2">
      <t>ショウケイ</t>
    </rPh>
    <phoneticPr fontId="5"/>
  </si>
  <si>
    <t>初度物品費（備品）</t>
    <rPh sb="0" eb="2">
      <t>ショド</t>
    </rPh>
    <rPh sb="2" eb="4">
      <t>ブッピン</t>
    </rPh>
    <rPh sb="4" eb="5">
      <t>ヒ</t>
    </rPh>
    <rPh sb="6" eb="8">
      <t>ビヒン</t>
    </rPh>
    <phoneticPr fontId="5"/>
  </si>
  <si>
    <t>購入費・賃借料</t>
    <rPh sb="0" eb="2">
      <t>コウニュウ</t>
    </rPh>
    <rPh sb="2" eb="3">
      <t>ヒ</t>
    </rPh>
    <rPh sb="4" eb="6">
      <t>チンシャク</t>
    </rPh>
    <rPh sb="6" eb="7">
      <t>リョウ</t>
    </rPh>
    <phoneticPr fontId="5"/>
  </si>
  <si>
    <t>土地</t>
    <rPh sb="0" eb="2">
      <t>トチ</t>
    </rPh>
    <phoneticPr fontId="5"/>
  </si>
  <si>
    <t>建物</t>
    <rPh sb="0" eb="2">
      <t>タテモノ</t>
    </rPh>
    <phoneticPr fontId="5"/>
  </si>
  <si>
    <t>開設までの</t>
    <rPh sb="0" eb="2">
      <t>カイセツ</t>
    </rPh>
    <phoneticPr fontId="5"/>
  </si>
  <si>
    <t>人件費</t>
    <rPh sb="0" eb="3">
      <t>ジンケンヒ</t>
    </rPh>
    <phoneticPr fontId="5"/>
  </si>
  <si>
    <t>研修費</t>
    <rPh sb="0" eb="3">
      <t>ケンシュウヒ</t>
    </rPh>
    <phoneticPr fontId="5"/>
  </si>
  <si>
    <t>開設後運転資金</t>
    <rPh sb="0" eb="2">
      <t>カイセツ</t>
    </rPh>
    <rPh sb="2" eb="3">
      <t>ゴ</t>
    </rPh>
    <rPh sb="3" eb="5">
      <t>ウンテン</t>
    </rPh>
    <rPh sb="5" eb="7">
      <t>シキン</t>
    </rPh>
    <phoneticPr fontId="5"/>
  </si>
  <si>
    <t>２．資金調達（収入）</t>
    <rPh sb="2" eb="4">
      <t>シキン</t>
    </rPh>
    <rPh sb="4" eb="6">
      <t>チョウタツ</t>
    </rPh>
    <rPh sb="7" eb="9">
      <t>シュウニュウ</t>
    </rPh>
    <phoneticPr fontId="5"/>
  </si>
  <si>
    <t>法人自己資金</t>
    <rPh sb="0" eb="2">
      <t>ホウジン</t>
    </rPh>
    <rPh sb="2" eb="4">
      <t>ジコ</t>
    </rPh>
    <rPh sb="4" eb="6">
      <t>シキン</t>
    </rPh>
    <phoneticPr fontId="5"/>
  </si>
  <si>
    <t>借入金※1</t>
    <rPh sb="0" eb="1">
      <t>カ</t>
    </rPh>
    <rPh sb="1" eb="2">
      <t>イ</t>
    </rPh>
    <rPh sb="2" eb="3">
      <t>キン</t>
    </rPh>
    <phoneticPr fontId="5"/>
  </si>
  <si>
    <t>補助金</t>
    <rPh sb="0" eb="3">
      <t>ホジョキン</t>
    </rPh>
    <phoneticPr fontId="5"/>
  </si>
  <si>
    <t>寄附金※2</t>
    <rPh sb="0" eb="3">
      <t>キフキン</t>
    </rPh>
    <phoneticPr fontId="5"/>
  </si>
  <si>
    <t>その他（　　　　　　　）　　　　　　</t>
    <rPh sb="2" eb="3">
      <t>タ</t>
    </rPh>
    <phoneticPr fontId="5"/>
  </si>
  <si>
    <t>※1　借入金（内訳）</t>
    <rPh sb="3" eb="5">
      <t>カリイレ</t>
    </rPh>
    <rPh sb="5" eb="6">
      <t>キン</t>
    </rPh>
    <rPh sb="7" eb="9">
      <t>ウチワケ</t>
    </rPh>
    <phoneticPr fontId="5"/>
  </si>
  <si>
    <t>借入先</t>
    <rPh sb="0" eb="1">
      <t>カ</t>
    </rPh>
    <rPh sb="1" eb="2">
      <t>イ</t>
    </rPh>
    <rPh sb="2" eb="3">
      <t>サキ</t>
    </rPh>
    <phoneticPr fontId="5"/>
  </si>
  <si>
    <t>元金</t>
    <rPh sb="0" eb="2">
      <t>ガンキン</t>
    </rPh>
    <phoneticPr fontId="5"/>
  </si>
  <si>
    <t>利息</t>
    <rPh sb="0" eb="2">
      <t>リソク</t>
    </rPh>
    <phoneticPr fontId="5"/>
  </si>
  <si>
    <t>償還年限</t>
    <rPh sb="0" eb="2">
      <t>ショウカン</t>
    </rPh>
    <rPh sb="2" eb="4">
      <t>ネンゲン</t>
    </rPh>
    <phoneticPr fontId="5"/>
  </si>
  <si>
    <t>最高年間償還額</t>
    <rPh sb="0" eb="2">
      <t>サイコウ</t>
    </rPh>
    <rPh sb="2" eb="4">
      <t>ネンカン</t>
    </rPh>
    <rPh sb="4" eb="6">
      <t>ショウカン</t>
    </rPh>
    <rPh sb="6" eb="7">
      <t>ガク</t>
    </rPh>
    <phoneticPr fontId="5"/>
  </si>
  <si>
    <t>　注）借入金償還計画表（様式１３）を添付すること</t>
    <rPh sb="1" eb="2">
      <t>チュウ</t>
    </rPh>
    <rPh sb="3" eb="4">
      <t>カ</t>
    </rPh>
    <rPh sb="4" eb="5">
      <t>イ</t>
    </rPh>
    <rPh sb="5" eb="6">
      <t>キン</t>
    </rPh>
    <rPh sb="6" eb="8">
      <t>ショウカン</t>
    </rPh>
    <rPh sb="8" eb="9">
      <t>ケイ</t>
    </rPh>
    <rPh sb="9" eb="10">
      <t>カク</t>
    </rPh>
    <rPh sb="10" eb="11">
      <t>ヒョウ</t>
    </rPh>
    <rPh sb="12" eb="14">
      <t>ヨウシキ</t>
    </rPh>
    <rPh sb="18" eb="20">
      <t>テンプ</t>
    </rPh>
    <phoneticPr fontId="5"/>
  </si>
  <si>
    <t>※2　寄附金</t>
    <rPh sb="3" eb="6">
      <t>キフキン</t>
    </rPh>
    <phoneticPr fontId="5"/>
  </si>
  <si>
    <t>寄附者氏名</t>
    <rPh sb="0" eb="2">
      <t>キフ</t>
    </rPh>
    <rPh sb="2" eb="3">
      <t>シャ</t>
    </rPh>
    <rPh sb="3" eb="5">
      <t>シメイ</t>
    </rPh>
    <phoneticPr fontId="5"/>
  </si>
  <si>
    <t>職業</t>
    <rPh sb="0" eb="2">
      <t>ショクギョウ</t>
    </rPh>
    <phoneticPr fontId="5"/>
  </si>
  <si>
    <t>法人との関係</t>
    <rPh sb="0" eb="2">
      <t>ホウジン</t>
    </rPh>
    <rPh sb="4" eb="6">
      <t>カンケイ</t>
    </rPh>
    <phoneticPr fontId="5"/>
  </si>
  <si>
    <t>寄付金額</t>
    <rPh sb="0" eb="2">
      <t>キフ</t>
    </rPh>
    <rPh sb="2" eb="3">
      <t>キン</t>
    </rPh>
    <rPh sb="3" eb="4">
      <t>ガク</t>
    </rPh>
    <phoneticPr fontId="5"/>
  </si>
  <si>
    <t>その他（年収、残高等）</t>
    <rPh sb="2" eb="3">
      <t>タ</t>
    </rPh>
    <rPh sb="4" eb="6">
      <t>ネンシュウ</t>
    </rPh>
    <rPh sb="7" eb="10">
      <t>ザンダカナド</t>
    </rPh>
    <phoneticPr fontId="5"/>
  </si>
  <si>
    <t>様式１２</t>
    <rPh sb="0" eb="2">
      <t>ヨウシキ</t>
    </rPh>
    <phoneticPr fontId="5"/>
  </si>
  <si>
    <t>様式１３</t>
    <rPh sb="0" eb="2">
      <t>ヨウシキ</t>
    </rPh>
    <phoneticPr fontId="5"/>
  </si>
  <si>
    <t>借入金償還計画書</t>
    <rPh sb="0" eb="2">
      <t>カリイレ</t>
    </rPh>
    <rPh sb="2" eb="3">
      <t>キン</t>
    </rPh>
    <rPh sb="3" eb="5">
      <t>ショウカン</t>
    </rPh>
    <rPh sb="5" eb="8">
      <t>ケイカクショ</t>
    </rPh>
    <phoneticPr fontId="5"/>
  </si>
  <si>
    <t>【貸付利率：　　　　％】</t>
    <rPh sb="1" eb="3">
      <t>カシツケ</t>
    </rPh>
    <rPh sb="3" eb="5">
      <t>リリツ</t>
    </rPh>
    <phoneticPr fontId="5"/>
  </si>
  <si>
    <t>（単位：円）</t>
    <rPh sb="1" eb="3">
      <t>タンイ</t>
    </rPh>
    <rPh sb="4" eb="5">
      <t>エン</t>
    </rPh>
    <phoneticPr fontId="5"/>
  </si>
  <si>
    <t>償還年次</t>
    <rPh sb="0" eb="2">
      <t>ショウカン</t>
    </rPh>
    <rPh sb="2" eb="4">
      <t>ネンジ</t>
    </rPh>
    <phoneticPr fontId="5"/>
  </si>
  <si>
    <t>償還額</t>
    <rPh sb="0" eb="2">
      <t>ショウカン</t>
    </rPh>
    <rPh sb="2" eb="3">
      <t>ガク</t>
    </rPh>
    <phoneticPr fontId="5"/>
  </si>
  <si>
    <t>償還額に対する贈与等充当額</t>
    <rPh sb="0" eb="2">
      <t>ショウカン</t>
    </rPh>
    <rPh sb="2" eb="3">
      <t>ガク</t>
    </rPh>
    <rPh sb="4" eb="5">
      <t>タイ</t>
    </rPh>
    <rPh sb="7" eb="10">
      <t>ゾウヨトウ</t>
    </rPh>
    <rPh sb="10" eb="12">
      <t>ジュウトウ</t>
    </rPh>
    <rPh sb="12" eb="13">
      <t>ガク</t>
    </rPh>
    <phoneticPr fontId="5"/>
  </si>
  <si>
    <t>元金残高</t>
    <rPh sb="0" eb="2">
      <t>ガンキン</t>
    </rPh>
    <rPh sb="2" eb="4">
      <t>ザンダカ</t>
    </rPh>
    <phoneticPr fontId="5"/>
  </si>
  <si>
    <t>償還残高</t>
    <rPh sb="0" eb="2">
      <t>ショウカン</t>
    </rPh>
    <rPh sb="2" eb="4">
      <t>ザンダカ</t>
    </rPh>
    <phoneticPr fontId="5"/>
  </si>
  <si>
    <t>利子</t>
    <rPh sb="0" eb="2">
      <t>リシ</t>
    </rPh>
    <phoneticPr fontId="5"/>
  </si>
  <si>
    <t>財源</t>
    <rPh sb="0" eb="2">
      <t>ザイゲン</t>
    </rPh>
    <phoneticPr fontId="5"/>
  </si>
  <si>
    <t>■端数は初年度に計上</t>
    <rPh sb="1" eb="3">
      <t>ハスウ</t>
    </rPh>
    <rPh sb="4" eb="7">
      <t>ショネンド</t>
    </rPh>
    <rPh sb="8" eb="10">
      <t>ケイジョウ</t>
    </rPh>
    <phoneticPr fontId="5"/>
  </si>
  <si>
    <t>企画提案書（事業内容）</t>
    <rPh sb="0" eb="2">
      <t>キカク</t>
    </rPh>
    <rPh sb="2" eb="4">
      <t>テイアン</t>
    </rPh>
    <rPh sb="4" eb="5">
      <t>ショ</t>
    </rPh>
    <rPh sb="6" eb="8">
      <t>ジギョウ</t>
    </rPh>
    <rPh sb="8" eb="10">
      <t>ナイヨウ</t>
    </rPh>
    <phoneticPr fontId="5"/>
  </si>
  <si>
    <t>１．運営方針等について</t>
    <rPh sb="2" eb="4">
      <t>ウンエイ</t>
    </rPh>
    <rPh sb="4" eb="6">
      <t>ホウシン</t>
    </rPh>
    <rPh sb="6" eb="7">
      <t>トウ</t>
    </rPh>
    <phoneticPr fontId="5"/>
  </si>
  <si>
    <t>（１）保育所の設立趣旨</t>
    <rPh sb="3" eb="5">
      <t>ホイク</t>
    </rPh>
    <rPh sb="5" eb="6">
      <t>ショ</t>
    </rPh>
    <rPh sb="7" eb="9">
      <t>セツリツ</t>
    </rPh>
    <rPh sb="9" eb="11">
      <t>シュシ</t>
    </rPh>
    <phoneticPr fontId="5"/>
  </si>
  <si>
    <t>（２）保育所の運営方針</t>
    <rPh sb="3" eb="5">
      <t>ホイク</t>
    </rPh>
    <rPh sb="5" eb="6">
      <t>ショ</t>
    </rPh>
    <rPh sb="7" eb="9">
      <t>ウンエイ</t>
    </rPh>
    <rPh sb="9" eb="11">
      <t>ホウシン</t>
    </rPh>
    <phoneticPr fontId="5"/>
  </si>
  <si>
    <t>（３）保育理念と保育方針</t>
    <rPh sb="3" eb="5">
      <t>ホイク</t>
    </rPh>
    <rPh sb="5" eb="7">
      <t>リネン</t>
    </rPh>
    <rPh sb="8" eb="10">
      <t>ホイク</t>
    </rPh>
    <rPh sb="10" eb="12">
      <t>ホウシン</t>
    </rPh>
    <phoneticPr fontId="5"/>
  </si>
  <si>
    <t>２．保育内容について</t>
    <rPh sb="2" eb="4">
      <t>ホイク</t>
    </rPh>
    <rPh sb="4" eb="6">
      <t>ナイヨウ</t>
    </rPh>
    <phoneticPr fontId="5"/>
  </si>
  <si>
    <t>（２）乳幼児の養護と教育の留意点</t>
    <rPh sb="3" eb="6">
      <t>ニュウヨウジ</t>
    </rPh>
    <rPh sb="7" eb="9">
      <t>ヨウゴ</t>
    </rPh>
    <rPh sb="10" eb="12">
      <t>キョウイク</t>
    </rPh>
    <rPh sb="13" eb="16">
      <t>リュウイテン</t>
    </rPh>
    <phoneticPr fontId="5"/>
  </si>
  <si>
    <t>（３）保育における子どもの健康管理等の考え方</t>
    <rPh sb="3" eb="5">
      <t>ホイク</t>
    </rPh>
    <rPh sb="9" eb="10">
      <t>コ</t>
    </rPh>
    <rPh sb="13" eb="15">
      <t>ケンコウ</t>
    </rPh>
    <rPh sb="15" eb="17">
      <t>カンリ</t>
    </rPh>
    <rPh sb="17" eb="18">
      <t>トウ</t>
    </rPh>
    <rPh sb="19" eb="20">
      <t>カンガ</t>
    </rPh>
    <rPh sb="21" eb="22">
      <t>カタ</t>
    </rPh>
    <phoneticPr fontId="5"/>
  </si>
  <si>
    <t>以下の①～⑥についての考え方や対応方法について記載してください。</t>
    <rPh sb="0" eb="2">
      <t>イカ</t>
    </rPh>
    <rPh sb="11" eb="12">
      <t>カンガ</t>
    </rPh>
    <rPh sb="13" eb="14">
      <t>カタ</t>
    </rPh>
    <rPh sb="15" eb="17">
      <t>タイオウ</t>
    </rPh>
    <rPh sb="17" eb="19">
      <t>ホウホウ</t>
    </rPh>
    <rPh sb="23" eb="25">
      <t>キサイ</t>
    </rPh>
    <phoneticPr fontId="5"/>
  </si>
  <si>
    <t>①日々の健康管理</t>
    <rPh sb="1" eb="3">
      <t>ヒビ</t>
    </rPh>
    <rPh sb="4" eb="6">
      <t>ケンコウ</t>
    </rPh>
    <rPh sb="6" eb="8">
      <t>カンリ</t>
    </rPh>
    <phoneticPr fontId="5"/>
  </si>
  <si>
    <t>②けが・疾病等の対応</t>
    <rPh sb="4" eb="6">
      <t>シッペイ</t>
    </rPh>
    <rPh sb="6" eb="7">
      <t>トウ</t>
    </rPh>
    <rPh sb="8" eb="10">
      <t>タイオウ</t>
    </rPh>
    <phoneticPr fontId="5"/>
  </si>
  <si>
    <t>③感染症の発生予防</t>
    <rPh sb="1" eb="4">
      <t>カンセンショウ</t>
    </rPh>
    <rPh sb="5" eb="7">
      <t>ハッセイ</t>
    </rPh>
    <rPh sb="7" eb="9">
      <t>ヨボウ</t>
    </rPh>
    <phoneticPr fontId="5"/>
  </si>
  <si>
    <t>④慢性疾患児への対応</t>
    <rPh sb="1" eb="3">
      <t>マンセイ</t>
    </rPh>
    <rPh sb="3" eb="5">
      <t>シッカン</t>
    </rPh>
    <rPh sb="5" eb="6">
      <t>ジ</t>
    </rPh>
    <rPh sb="8" eb="10">
      <t>タイオウ</t>
    </rPh>
    <phoneticPr fontId="5"/>
  </si>
  <si>
    <t>⑤与薬への留意点</t>
    <rPh sb="1" eb="2">
      <t>アタ</t>
    </rPh>
    <rPh sb="2" eb="3">
      <t>ヤク</t>
    </rPh>
    <rPh sb="5" eb="8">
      <t>リュウイテン</t>
    </rPh>
    <phoneticPr fontId="5"/>
  </si>
  <si>
    <t>⑦その他の事項</t>
    <rPh sb="3" eb="4">
      <t>タ</t>
    </rPh>
    <rPh sb="5" eb="7">
      <t>ジコウ</t>
    </rPh>
    <phoneticPr fontId="5"/>
  </si>
  <si>
    <t>（４）障害児保育</t>
    <rPh sb="3" eb="5">
      <t>ショウガイ</t>
    </rPh>
    <rPh sb="5" eb="6">
      <t>ジ</t>
    </rPh>
    <rPh sb="6" eb="8">
      <t>ホイク</t>
    </rPh>
    <phoneticPr fontId="5"/>
  </si>
  <si>
    <t>□実施する　□実施しない</t>
    <phoneticPr fontId="5"/>
  </si>
  <si>
    <t>（５）健康管理及び衛生管理</t>
    <rPh sb="3" eb="5">
      <t>ケンコウ</t>
    </rPh>
    <rPh sb="5" eb="7">
      <t>カンリ</t>
    </rPh>
    <rPh sb="7" eb="8">
      <t>オヨ</t>
    </rPh>
    <rPh sb="9" eb="11">
      <t>エイセイ</t>
    </rPh>
    <rPh sb="11" eb="13">
      <t>カンリ</t>
    </rPh>
    <phoneticPr fontId="5"/>
  </si>
  <si>
    <t>定期健康診断</t>
    <rPh sb="0" eb="2">
      <t>テイキ</t>
    </rPh>
    <rPh sb="2" eb="4">
      <t>ケンコウ</t>
    </rPh>
    <rPh sb="4" eb="6">
      <t>シンダン</t>
    </rPh>
    <phoneticPr fontId="5"/>
  </si>
  <si>
    <t>児童対象：年　　　回　／　職員対象：年　　　回</t>
    <rPh sb="0" eb="2">
      <t>ジドウ</t>
    </rPh>
    <rPh sb="2" eb="4">
      <t>タイショウ</t>
    </rPh>
    <rPh sb="5" eb="6">
      <t>ネン</t>
    </rPh>
    <rPh sb="9" eb="10">
      <t>カイ</t>
    </rPh>
    <rPh sb="13" eb="15">
      <t>ショクイン</t>
    </rPh>
    <rPh sb="15" eb="17">
      <t>タイショウ</t>
    </rPh>
    <rPh sb="18" eb="19">
      <t>トシ</t>
    </rPh>
    <rPh sb="22" eb="23">
      <t>カイ</t>
    </rPh>
    <phoneticPr fontId="5"/>
  </si>
  <si>
    <t>検便の実施</t>
    <rPh sb="0" eb="2">
      <t>ケンベン</t>
    </rPh>
    <rPh sb="3" eb="5">
      <t>ジッシ</t>
    </rPh>
    <phoneticPr fontId="5"/>
  </si>
  <si>
    <t>保育従事者対象：年　　回　／　調理員対象：年　　　回</t>
    <rPh sb="0" eb="2">
      <t>ホイク</t>
    </rPh>
    <rPh sb="2" eb="5">
      <t>ジュウジシャ</t>
    </rPh>
    <rPh sb="5" eb="7">
      <t>タイショウ</t>
    </rPh>
    <rPh sb="8" eb="9">
      <t>ネン</t>
    </rPh>
    <rPh sb="11" eb="12">
      <t>カイ</t>
    </rPh>
    <rPh sb="15" eb="18">
      <t>チョウリイン</t>
    </rPh>
    <rPh sb="18" eb="20">
      <t>タイショウ</t>
    </rPh>
    <rPh sb="21" eb="22">
      <t>ネン</t>
    </rPh>
    <rPh sb="25" eb="26">
      <t>カイ</t>
    </rPh>
    <phoneticPr fontId="5"/>
  </si>
  <si>
    <t>児童の発育検査</t>
    <rPh sb="0" eb="2">
      <t>ジドウ</t>
    </rPh>
    <rPh sb="3" eb="5">
      <t>ハツイク</t>
    </rPh>
    <rPh sb="5" eb="7">
      <t>ケンサ</t>
    </rPh>
    <phoneticPr fontId="5"/>
  </si>
  <si>
    <t>□実施する（□身体計測　□その他）　□実施しない</t>
    <rPh sb="1" eb="3">
      <t>ジッシ</t>
    </rPh>
    <rPh sb="7" eb="9">
      <t>シンタイ</t>
    </rPh>
    <rPh sb="9" eb="11">
      <t>ケイソク</t>
    </rPh>
    <rPh sb="15" eb="16">
      <t>タ</t>
    </rPh>
    <rPh sb="19" eb="21">
      <t>ジッシ</t>
    </rPh>
    <phoneticPr fontId="5"/>
  </si>
  <si>
    <t>乳幼児突然死症候群（SIDS）の予防策</t>
    <rPh sb="0" eb="3">
      <t>ニュウヨウジ</t>
    </rPh>
    <rPh sb="3" eb="6">
      <t>トツゼンシ</t>
    </rPh>
    <rPh sb="6" eb="9">
      <t>ショウコウグン</t>
    </rPh>
    <rPh sb="16" eb="18">
      <t>ヨボウ</t>
    </rPh>
    <rPh sb="18" eb="19">
      <t>サク</t>
    </rPh>
    <phoneticPr fontId="5"/>
  </si>
  <si>
    <r>
      <rPr>
        <sz val="11"/>
        <color indexed="8"/>
        <rFont val="HGｺﾞｼｯｸM"/>
        <family val="3"/>
        <charset val="128"/>
      </rPr>
      <t>ブレスチェック表</t>
    </r>
    <r>
      <rPr>
        <sz val="11"/>
        <color indexed="8"/>
        <rFont val="ＭＳ Ｐ明朝"/>
        <family val="1"/>
        <charset val="128"/>
      </rPr>
      <t>　□作成する（　　分間隔）□作成しない</t>
    </r>
    <rPh sb="7" eb="8">
      <t>ヒョウ</t>
    </rPh>
    <rPh sb="10" eb="12">
      <t>サクセイ</t>
    </rPh>
    <rPh sb="17" eb="18">
      <t>フン</t>
    </rPh>
    <rPh sb="18" eb="20">
      <t>カンカク</t>
    </rPh>
    <rPh sb="22" eb="24">
      <t>サクセイ</t>
    </rPh>
    <phoneticPr fontId="5"/>
  </si>
  <si>
    <r>
      <rPr>
        <sz val="11"/>
        <color indexed="8"/>
        <rFont val="HGｺﾞｼｯｸM"/>
        <family val="3"/>
        <charset val="128"/>
      </rPr>
      <t>仰向け寝</t>
    </r>
    <r>
      <rPr>
        <sz val="11"/>
        <color indexed="8"/>
        <rFont val="ＭＳ Ｐ明朝"/>
        <family val="1"/>
        <charset val="128"/>
      </rPr>
      <t>　□実施する　□実施しない</t>
    </r>
    <rPh sb="0" eb="2">
      <t>アオム</t>
    </rPh>
    <rPh sb="3" eb="4">
      <t>ネ</t>
    </rPh>
    <rPh sb="6" eb="8">
      <t>ジッシ</t>
    </rPh>
    <rPh sb="12" eb="14">
      <t>ジッシ</t>
    </rPh>
    <phoneticPr fontId="5"/>
  </si>
  <si>
    <t>（　　　　　　　　）</t>
    <phoneticPr fontId="5"/>
  </si>
  <si>
    <t>（６）子どもの安全管理に関する事故防止対策について</t>
    <rPh sb="3" eb="4">
      <t>コ</t>
    </rPh>
    <rPh sb="7" eb="9">
      <t>アンゼン</t>
    </rPh>
    <rPh sb="9" eb="11">
      <t>カンリ</t>
    </rPh>
    <rPh sb="12" eb="13">
      <t>カン</t>
    </rPh>
    <rPh sb="15" eb="17">
      <t>ジコ</t>
    </rPh>
    <rPh sb="17" eb="19">
      <t>ボウシ</t>
    </rPh>
    <rPh sb="19" eb="20">
      <t>タイ</t>
    </rPh>
    <rPh sb="20" eb="21">
      <t>サク</t>
    </rPh>
    <phoneticPr fontId="5"/>
  </si>
  <si>
    <t>（７）防災・防犯についての考え方</t>
    <rPh sb="3" eb="5">
      <t>ボウサイ</t>
    </rPh>
    <rPh sb="6" eb="8">
      <t>ボウハン</t>
    </rPh>
    <rPh sb="13" eb="14">
      <t>カンガ</t>
    </rPh>
    <rPh sb="15" eb="16">
      <t>カタ</t>
    </rPh>
    <phoneticPr fontId="5"/>
  </si>
  <si>
    <t>（８）保育所開所時間</t>
    <rPh sb="3" eb="5">
      <t>ホイク</t>
    </rPh>
    <rPh sb="5" eb="6">
      <t>ショ</t>
    </rPh>
    <rPh sb="6" eb="8">
      <t>カイショ</t>
    </rPh>
    <rPh sb="8" eb="10">
      <t>ジカン</t>
    </rPh>
    <phoneticPr fontId="5"/>
  </si>
  <si>
    <t>　　　　時　　分から　　　時　　　分まで（延長保育：　　　　　　　　　　）</t>
    <rPh sb="4" eb="5">
      <t>ジ</t>
    </rPh>
    <rPh sb="7" eb="8">
      <t>フン</t>
    </rPh>
    <rPh sb="13" eb="14">
      <t>ジ</t>
    </rPh>
    <rPh sb="17" eb="18">
      <t>フン</t>
    </rPh>
    <rPh sb="21" eb="23">
      <t>エンチョウ</t>
    </rPh>
    <rPh sb="23" eb="25">
      <t>ホイク</t>
    </rPh>
    <phoneticPr fontId="5"/>
  </si>
  <si>
    <t>３．給食について</t>
    <rPh sb="2" eb="4">
      <t>キュウショク</t>
    </rPh>
    <phoneticPr fontId="5"/>
  </si>
  <si>
    <t>（１）給食の提供方法</t>
    <rPh sb="3" eb="5">
      <t>キュウショク</t>
    </rPh>
    <rPh sb="6" eb="8">
      <t>テイキョウ</t>
    </rPh>
    <rPh sb="8" eb="10">
      <t>ホウホウ</t>
    </rPh>
    <phoneticPr fontId="5"/>
  </si>
  <si>
    <t>□自園調理　　□委託による事業所内調理　　□外部委託</t>
    <rPh sb="1" eb="2">
      <t>ジ</t>
    </rPh>
    <rPh sb="2" eb="3">
      <t>エン</t>
    </rPh>
    <rPh sb="3" eb="5">
      <t>チョウリ</t>
    </rPh>
    <rPh sb="8" eb="10">
      <t>イタク</t>
    </rPh>
    <rPh sb="13" eb="16">
      <t>ジギョウショ</t>
    </rPh>
    <rPh sb="16" eb="17">
      <t>ナイ</t>
    </rPh>
    <rPh sb="17" eb="19">
      <t>チョウリ</t>
    </rPh>
    <rPh sb="22" eb="24">
      <t>ガイブ</t>
    </rPh>
    <rPh sb="24" eb="26">
      <t>イタク</t>
    </rPh>
    <phoneticPr fontId="5"/>
  </si>
  <si>
    <t>（２）献立の作成</t>
    <rPh sb="3" eb="5">
      <t>コンダテ</t>
    </rPh>
    <rPh sb="6" eb="8">
      <t>サクセイ</t>
    </rPh>
    <phoneticPr fontId="5"/>
  </si>
  <si>
    <t>□事業者（□栄養士または調理師　□それ以外）　□委託業者</t>
    <rPh sb="1" eb="4">
      <t>ジギョウシャ</t>
    </rPh>
    <rPh sb="6" eb="8">
      <t>エイヨウ</t>
    </rPh>
    <rPh sb="8" eb="9">
      <t>シ</t>
    </rPh>
    <rPh sb="12" eb="15">
      <t>チョウリシ</t>
    </rPh>
    <rPh sb="19" eb="21">
      <t>イガイ</t>
    </rPh>
    <rPh sb="24" eb="26">
      <t>イタク</t>
    </rPh>
    <rPh sb="26" eb="28">
      <t>ギョウシャ</t>
    </rPh>
    <phoneticPr fontId="5"/>
  </si>
  <si>
    <t>（３）アレルギー食対応</t>
    <rPh sb="8" eb="9">
      <t>ショク</t>
    </rPh>
    <rPh sb="9" eb="11">
      <t>タイオウ</t>
    </rPh>
    <phoneticPr fontId="5"/>
  </si>
  <si>
    <t>□無　　□有</t>
    <rPh sb="1" eb="2">
      <t>ナ</t>
    </rPh>
    <rPh sb="5" eb="6">
      <t>ア</t>
    </rPh>
    <phoneticPr fontId="5"/>
  </si>
  <si>
    <t>（有の場合、代替食や除去食での対応など、対応方針を記載してください）</t>
    <rPh sb="1" eb="2">
      <t>ア</t>
    </rPh>
    <rPh sb="3" eb="5">
      <t>バアイ</t>
    </rPh>
    <rPh sb="6" eb="8">
      <t>ダイタイ</t>
    </rPh>
    <rPh sb="8" eb="9">
      <t>ショク</t>
    </rPh>
    <rPh sb="10" eb="12">
      <t>ジョキョ</t>
    </rPh>
    <rPh sb="12" eb="13">
      <t>ショク</t>
    </rPh>
    <rPh sb="15" eb="17">
      <t>タイオウ</t>
    </rPh>
    <rPh sb="20" eb="22">
      <t>タイオウ</t>
    </rPh>
    <rPh sb="22" eb="24">
      <t>ホウシン</t>
    </rPh>
    <rPh sb="25" eb="27">
      <t>キサイ</t>
    </rPh>
    <phoneticPr fontId="5"/>
  </si>
  <si>
    <t>（４）年齢や発達に応じた給食・栄養管理・調理方法等、食事・おやつの提供に関する方針</t>
    <rPh sb="3" eb="5">
      <t>ネンレイ</t>
    </rPh>
    <rPh sb="6" eb="8">
      <t>ハッタツ</t>
    </rPh>
    <rPh sb="9" eb="10">
      <t>オウ</t>
    </rPh>
    <rPh sb="12" eb="14">
      <t>キュウショク</t>
    </rPh>
    <rPh sb="15" eb="17">
      <t>エイヨウ</t>
    </rPh>
    <rPh sb="17" eb="19">
      <t>カンリ</t>
    </rPh>
    <rPh sb="20" eb="22">
      <t>チョウリ</t>
    </rPh>
    <rPh sb="22" eb="24">
      <t>ホウホウ</t>
    </rPh>
    <rPh sb="24" eb="25">
      <t>トウ</t>
    </rPh>
    <rPh sb="26" eb="28">
      <t>ショクジ</t>
    </rPh>
    <rPh sb="33" eb="35">
      <t>テイキョウ</t>
    </rPh>
    <rPh sb="36" eb="37">
      <t>カン</t>
    </rPh>
    <rPh sb="39" eb="41">
      <t>ホウシン</t>
    </rPh>
    <phoneticPr fontId="5"/>
  </si>
  <si>
    <t>（５）食品衛生管理と食中毒予防策について</t>
    <rPh sb="3" eb="5">
      <t>ショクヒン</t>
    </rPh>
    <rPh sb="5" eb="7">
      <t>エイセイ</t>
    </rPh>
    <rPh sb="7" eb="9">
      <t>カンリ</t>
    </rPh>
    <rPh sb="10" eb="13">
      <t>ショクチュウドク</t>
    </rPh>
    <rPh sb="13" eb="15">
      <t>ヨボウ</t>
    </rPh>
    <rPh sb="15" eb="16">
      <t>サク</t>
    </rPh>
    <phoneticPr fontId="5"/>
  </si>
  <si>
    <t>（６）食育についての考え方</t>
    <rPh sb="3" eb="4">
      <t>ショク</t>
    </rPh>
    <rPh sb="4" eb="5">
      <t>イク</t>
    </rPh>
    <rPh sb="10" eb="11">
      <t>カンガ</t>
    </rPh>
    <rPh sb="12" eb="13">
      <t>カタ</t>
    </rPh>
    <phoneticPr fontId="5"/>
  </si>
  <si>
    <t>４．保護者との連携</t>
    <rPh sb="2" eb="5">
      <t>ホゴシャ</t>
    </rPh>
    <rPh sb="7" eb="9">
      <t>レンケイ</t>
    </rPh>
    <phoneticPr fontId="5"/>
  </si>
  <si>
    <t>（１）施設だより</t>
    <rPh sb="3" eb="5">
      <t>シセツ</t>
    </rPh>
    <phoneticPr fontId="5"/>
  </si>
  <si>
    <t>□発行する（年　　回発行予定）　□発行しない</t>
    <rPh sb="1" eb="3">
      <t>ハッコウ</t>
    </rPh>
    <rPh sb="6" eb="7">
      <t>ネン</t>
    </rPh>
    <rPh sb="9" eb="10">
      <t>カイ</t>
    </rPh>
    <rPh sb="10" eb="12">
      <t>ハッコウ</t>
    </rPh>
    <rPh sb="12" eb="14">
      <t>ヨテイ</t>
    </rPh>
    <rPh sb="17" eb="19">
      <t>ハッコウ</t>
    </rPh>
    <phoneticPr fontId="5"/>
  </si>
  <si>
    <t>（２）連絡帳</t>
    <rPh sb="3" eb="5">
      <t>レンラク</t>
    </rPh>
    <rPh sb="5" eb="6">
      <t>チョウ</t>
    </rPh>
    <phoneticPr fontId="5"/>
  </si>
  <si>
    <t>□作成する　□作成しない（しない場合、保護者への連絡手段：　　　　）</t>
    <rPh sb="1" eb="3">
      <t>サクセイ</t>
    </rPh>
    <rPh sb="7" eb="9">
      <t>サクセイ</t>
    </rPh>
    <rPh sb="16" eb="18">
      <t>バアイ</t>
    </rPh>
    <rPh sb="19" eb="22">
      <t>ホゴシャ</t>
    </rPh>
    <rPh sb="24" eb="26">
      <t>レンラク</t>
    </rPh>
    <rPh sb="26" eb="28">
      <t>シュダン</t>
    </rPh>
    <phoneticPr fontId="5"/>
  </si>
  <si>
    <t>（３）緊急時の保護者への連絡方法・手段</t>
    <rPh sb="3" eb="6">
      <t>キンキュウジ</t>
    </rPh>
    <rPh sb="7" eb="10">
      <t>ホゴシャ</t>
    </rPh>
    <rPh sb="12" eb="14">
      <t>レンラク</t>
    </rPh>
    <rPh sb="14" eb="16">
      <t>ホウホウ</t>
    </rPh>
    <rPh sb="17" eb="19">
      <t>シュダン</t>
    </rPh>
    <phoneticPr fontId="5"/>
  </si>
  <si>
    <t>（４）苦情受付窓口</t>
    <rPh sb="3" eb="5">
      <t>クジョウ</t>
    </rPh>
    <rPh sb="5" eb="7">
      <t>ウケツケ</t>
    </rPh>
    <rPh sb="7" eb="9">
      <t>マドグチ</t>
    </rPh>
    <phoneticPr fontId="5"/>
  </si>
  <si>
    <t>□設置する　</t>
    <rPh sb="1" eb="3">
      <t>セッチ</t>
    </rPh>
    <phoneticPr fontId="5"/>
  </si>
  <si>
    <t>（５）苦情解決の体制整備について</t>
    <rPh sb="3" eb="5">
      <t>クジョウ</t>
    </rPh>
    <rPh sb="5" eb="7">
      <t>カイケツ</t>
    </rPh>
    <rPh sb="8" eb="10">
      <t>タイセイ</t>
    </rPh>
    <rPh sb="10" eb="12">
      <t>セイビ</t>
    </rPh>
    <phoneticPr fontId="5"/>
  </si>
  <si>
    <t>（６）育児相談・支援に関する考え方</t>
    <rPh sb="3" eb="5">
      <t>イクジ</t>
    </rPh>
    <rPh sb="5" eb="7">
      <t>ソウダン</t>
    </rPh>
    <rPh sb="8" eb="10">
      <t>シエン</t>
    </rPh>
    <rPh sb="11" eb="12">
      <t>カン</t>
    </rPh>
    <rPh sb="14" eb="15">
      <t>カンガ</t>
    </rPh>
    <rPh sb="16" eb="17">
      <t>カタ</t>
    </rPh>
    <phoneticPr fontId="5"/>
  </si>
  <si>
    <t>（７）虐待防止・早期発見のための対策について</t>
    <rPh sb="3" eb="5">
      <t>ギャクタイ</t>
    </rPh>
    <rPh sb="5" eb="7">
      <t>ボウシ</t>
    </rPh>
    <rPh sb="8" eb="10">
      <t>ソウキ</t>
    </rPh>
    <rPh sb="10" eb="12">
      <t>ハッケン</t>
    </rPh>
    <rPh sb="16" eb="17">
      <t>タイ</t>
    </rPh>
    <rPh sb="17" eb="18">
      <t>サク</t>
    </rPh>
    <phoneticPr fontId="5"/>
  </si>
  <si>
    <t>（８）個人情報の取り扱いに関する取り組みについて</t>
    <rPh sb="3" eb="5">
      <t>コジン</t>
    </rPh>
    <rPh sb="5" eb="7">
      <t>ジョウホウ</t>
    </rPh>
    <rPh sb="8" eb="9">
      <t>ト</t>
    </rPh>
    <rPh sb="10" eb="11">
      <t>アツカ</t>
    </rPh>
    <rPh sb="13" eb="14">
      <t>カン</t>
    </rPh>
    <rPh sb="16" eb="17">
      <t>ト</t>
    </rPh>
    <rPh sb="18" eb="19">
      <t>ク</t>
    </rPh>
    <phoneticPr fontId="5"/>
  </si>
  <si>
    <t>５．地域貢献等の独自取り組み</t>
    <rPh sb="2" eb="4">
      <t>チイキ</t>
    </rPh>
    <rPh sb="4" eb="6">
      <t>コウケン</t>
    </rPh>
    <rPh sb="6" eb="7">
      <t>トウ</t>
    </rPh>
    <rPh sb="8" eb="10">
      <t>ドクジ</t>
    </rPh>
    <rPh sb="10" eb="11">
      <t>ト</t>
    </rPh>
    <rPh sb="12" eb="13">
      <t>ク</t>
    </rPh>
    <phoneticPr fontId="5"/>
  </si>
  <si>
    <t>（１）地域子ども・子育て支援事業の実施</t>
    <rPh sb="3" eb="5">
      <t>チイキ</t>
    </rPh>
    <rPh sb="5" eb="6">
      <t>コ</t>
    </rPh>
    <rPh sb="9" eb="11">
      <t>コソダ</t>
    </rPh>
    <rPh sb="12" eb="14">
      <t>シエン</t>
    </rPh>
    <rPh sb="14" eb="16">
      <t>ジギョウ</t>
    </rPh>
    <rPh sb="17" eb="19">
      <t>ジッシ</t>
    </rPh>
    <phoneticPr fontId="5"/>
  </si>
  <si>
    <t>□無　□有（実施事業：　　　　　　　）</t>
    <rPh sb="1" eb="2">
      <t>ナ</t>
    </rPh>
    <rPh sb="4" eb="5">
      <t>ア</t>
    </rPh>
    <rPh sb="6" eb="8">
      <t>ジッシ</t>
    </rPh>
    <rPh sb="8" eb="10">
      <t>ジギョウ</t>
    </rPh>
    <phoneticPr fontId="5"/>
  </si>
  <si>
    <t>（２）地域との関わり・交流について</t>
    <rPh sb="3" eb="5">
      <t>チイキ</t>
    </rPh>
    <rPh sb="7" eb="8">
      <t>カカ</t>
    </rPh>
    <rPh sb="11" eb="13">
      <t>コウリュウ</t>
    </rPh>
    <phoneticPr fontId="5"/>
  </si>
  <si>
    <t>（３）事業に関する情報提供方法</t>
    <rPh sb="3" eb="5">
      <t>ジギョウ</t>
    </rPh>
    <rPh sb="6" eb="7">
      <t>カン</t>
    </rPh>
    <rPh sb="9" eb="11">
      <t>ジョウホウ</t>
    </rPh>
    <rPh sb="11" eb="13">
      <t>テイキョウ</t>
    </rPh>
    <rPh sb="13" eb="15">
      <t>ホウホウ</t>
    </rPh>
    <phoneticPr fontId="5"/>
  </si>
  <si>
    <t>□ホームページ　□ちらし　□その他（　　　　　　）</t>
    <rPh sb="16" eb="17">
      <t>タ</t>
    </rPh>
    <phoneticPr fontId="5"/>
  </si>
  <si>
    <t>（４）休日保育・病児保育・産休明け保育など付加的保育サービスや独自取り組みについて</t>
    <rPh sb="3" eb="5">
      <t>キュウジツ</t>
    </rPh>
    <rPh sb="5" eb="7">
      <t>ホイク</t>
    </rPh>
    <rPh sb="8" eb="9">
      <t>ビョウ</t>
    </rPh>
    <rPh sb="9" eb="10">
      <t>ジ</t>
    </rPh>
    <rPh sb="10" eb="12">
      <t>ホイク</t>
    </rPh>
    <rPh sb="13" eb="15">
      <t>サンキュウ</t>
    </rPh>
    <rPh sb="15" eb="16">
      <t>ア</t>
    </rPh>
    <rPh sb="17" eb="19">
      <t>ホイク</t>
    </rPh>
    <rPh sb="21" eb="24">
      <t>フカテキ</t>
    </rPh>
    <rPh sb="24" eb="26">
      <t>ホイク</t>
    </rPh>
    <rPh sb="31" eb="33">
      <t>ドクジ</t>
    </rPh>
    <rPh sb="33" eb="34">
      <t>ト</t>
    </rPh>
    <rPh sb="35" eb="36">
      <t>ク</t>
    </rPh>
    <phoneticPr fontId="5"/>
  </si>
  <si>
    <t>既に実施したこと</t>
    <rPh sb="0" eb="1">
      <t>スデ</t>
    </rPh>
    <rPh sb="2" eb="4">
      <t>ジッシ</t>
    </rPh>
    <phoneticPr fontId="3"/>
  </si>
  <si>
    <t xml:space="preserve">近隣対策の実施内容
</t>
    <rPh sb="0" eb="2">
      <t>キンリン</t>
    </rPh>
    <rPh sb="2" eb="4">
      <t>タイサク</t>
    </rPh>
    <rPh sb="5" eb="7">
      <t>ジッシ</t>
    </rPh>
    <rPh sb="7" eb="9">
      <t>ナイヨウ</t>
    </rPh>
    <phoneticPr fontId="5"/>
  </si>
  <si>
    <t>今後実施すること（時期や内容等を具体的に記入）　　※必ず実施すること　</t>
    <rPh sb="0" eb="2">
      <t>コンゴ</t>
    </rPh>
    <rPh sb="2" eb="4">
      <t>ジッシ</t>
    </rPh>
    <rPh sb="9" eb="11">
      <t>ジキ</t>
    </rPh>
    <rPh sb="12" eb="14">
      <t>ナイヨウ</t>
    </rPh>
    <rPh sb="14" eb="15">
      <t>トウ</t>
    </rPh>
    <rPh sb="16" eb="19">
      <t>グタイテキ</t>
    </rPh>
    <rPh sb="20" eb="22">
      <t>キニュウ</t>
    </rPh>
    <rPh sb="26" eb="27">
      <t>カナラ</t>
    </rPh>
    <rPh sb="28" eb="30">
      <t>ジッシ</t>
    </rPh>
    <phoneticPr fontId="3"/>
  </si>
  <si>
    <t>＠〇〇円×月数（前払い含む）</t>
    <rPh sb="3" eb="4">
      <t>エン</t>
    </rPh>
    <rPh sb="5" eb="7">
      <t>ツキスウ</t>
    </rPh>
    <rPh sb="8" eb="10">
      <t>マエバラ</t>
    </rPh>
    <rPh sb="11" eb="12">
      <t>フク</t>
    </rPh>
    <phoneticPr fontId="3"/>
  </si>
  <si>
    <t>実施設計料</t>
    <rPh sb="0" eb="2">
      <t>ジッシ</t>
    </rPh>
    <rPh sb="2" eb="4">
      <t>セッケイ</t>
    </rPh>
    <rPh sb="4" eb="5">
      <t>リョウ</t>
    </rPh>
    <phoneticPr fontId="3"/>
  </si>
  <si>
    <t>基本設計料</t>
    <rPh sb="0" eb="2">
      <t>キホン</t>
    </rPh>
    <rPh sb="2" eb="4">
      <t>セッケイ</t>
    </rPh>
    <rPh sb="4" eb="5">
      <t>リョウ</t>
    </rPh>
    <phoneticPr fontId="3"/>
  </si>
  <si>
    <t>工事監理料</t>
    <rPh sb="0" eb="2">
      <t>コウジ</t>
    </rPh>
    <rPh sb="2" eb="4">
      <t>カンリ</t>
    </rPh>
    <rPh sb="4" eb="5">
      <t>リョウ</t>
    </rPh>
    <phoneticPr fontId="5"/>
  </si>
  <si>
    <t>　　　　年　　月　　日</t>
    <rPh sb="4" eb="5">
      <t>ネン</t>
    </rPh>
    <rPh sb="7" eb="8">
      <t>ガツ</t>
    </rPh>
    <rPh sb="10" eb="11">
      <t>ニチ</t>
    </rPh>
    <phoneticPr fontId="5"/>
  </si>
  <si>
    <t>　　　　年　月　日現在</t>
    <rPh sb="4" eb="5">
      <t>ネン</t>
    </rPh>
    <rPh sb="6" eb="7">
      <t>ガツ</t>
    </rPh>
    <rPh sb="8" eb="9">
      <t>ヒ</t>
    </rPh>
    <rPh sb="9" eb="11">
      <t>ゲンザイ</t>
    </rPh>
    <phoneticPr fontId="5"/>
  </si>
  <si>
    <t>0歳児保育室（内法）</t>
    <rPh sb="1" eb="3">
      <t>サイジ</t>
    </rPh>
    <rPh sb="3" eb="6">
      <t>ホイクシツ</t>
    </rPh>
    <rPh sb="7" eb="9">
      <t>ウチノリ</t>
    </rPh>
    <phoneticPr fontId="5"/>
  </si>
  <si>
    <t>1歳児保育室（内法）</t>
    <rPh sb="1" eb="3">
      <t>サイジ</t>
    </rPh>
    <rPh sb="3" eb="6">
      <t>ホイクシツ</t>
    </rPh>
    <phoneticPr fontId="5"/>
  </si>
  <si>
    <t>2歳児保育室（内法）</t>
    <rPh sb="1" eb="3">
      <t>サイジ</t>
    </rPh>
    <rPh sb="3" eb="6">
      <t>ホイクシツ</t>
    </rPh>
    <phoneticPr fontId="5"/>
  </si>
  <si>
    <t>3歳児保育室（内法）</t>
    <rPh sb="1" eb="3">
      <t>サイジ</t>
    </rPh>
    <rPh sb="3" eb="6">
      <t>ホイクシツ</t>
    </rPh>
    <phoneticPr fontId="5"/>
  </si>
  <si>
    <t>4歳児保育室（内法）</t>
    <rPh sb="1" eb="3">
      <t>サイジ</t>
    </rPh>
    <rPh sb="3" eb="6">
      <t>ホイクシツ</t>
    </rPh>
    <phoneticPr fontId="5"/>
  </si>
  <si>
    <t>5歳児保育室（内法）</t>
    <rPh sb="1" eb="3">
      <t>サイジ</t>
    </rPh>
    <rPh sb="3" eb="6">
      <t>ホイクシツ</t>
    </rPh>
    <phoneticPr fontId="5"/>
  </si>
  <si>
    <t>遊戯室（内法）</t>
    <rPh sb="0" eb="3">
      <t>ユウギシツ</t>
    </rPh>
    <phoneticPr fontId="5"/>
  </si>
  <si>
    <t>□ホームページ 　□ちらし 
□個別訪問　□その他（　　　）</t>
    <rPh sb="16" eb="18">
      <t>コベツ</t>
    </rPh>
    <rPh sb="18" eb="20">
      <t>ホウモン</t>
    </rPh>
    <rPh sb="24" eb="25">
      <t>タ</t>
    </rPh>
    <phoneticPr fontId="5"/>
  </si>
  <si>
    <r>
      <t>（１）全体的な計画の編成と年間の指導計画策定に関する考え方</t>
    </r>
    <r>
      <rPr>
        <sz val="10"/>
        <color indexed="8"/>
        <rFont val="HGPｺﾞｼｯｸM"/>
        <family val="3"/>
        <charset val="128"/>
      </rPr>
      <t>（全体的な計画・指導計画案があれば添付）</t>
    </r>
    <rPh sb="3" eb="6">
      <t>ゼンタイテキ</t>
    </rPh>
    <rPh sb="7" eb="9">
      <t>ケイカク</t>
    </rPh>
    <rPh sb="10" eb="12">
      <t>ヘンセイ</t>
    </rPh>
    <rPh sb="13" eb="15">
      <t>ネンカン</t>
    </rPh>
    <rPh sb="16" eb="18">
      <t>シドウ</t>
    </rPh>
    <rPh sb="18" eb="20">
      <t>ケイカク</t>
    </rPh>
    <rPh sb="20" eb="22">
      <t>サクテイ</t>
    </rPh>
    <rPh sb="23" eb="24">
      <t>カン</t>
    </rPh>
    <rPh sb="26" eb="27">
      <t>カンガ</t>
    </rPh>
    <rPh sb="28" eb="29">
      <t>カタ</t>
    </rPh>
    <rPh sb="30" eb="32">
      <t>ゼンタイ</t>
    </rPh>
    <rPh sb="32" eb="33">
      <t>テキ</t>
    </rPh>
    <rPh sb="34" eb="36">
      <t>ケイカク</t>
    </rPh>
    <rPh sb="37" eb="39">
      <t>シドウ</t>
    </rPh>
    <rPh sb="39" eb="41">
      <t>ケイカク</t>
    </rPh>
    <rPh sb="41" eb="42">
      <t>アン</t>
    </rPh>
    <rPh sb="46" eb="48">
      <t>テンプ</t>
    </rPh>
    <phoneticPr fontId="5"/>
  </si>
  <si>
    <t>（令和  年  月  日現在）</t>
    <rPh sb="1" eb="3">
      <t>レイワ</t>
    </rPh>
    <rPh sb="5" eb="6">
      <t>ネン</t>
    </rPh>
    <rPh sb="8" eb="9">
      <t>ガツ</t>
    </rPh>
    <rPh sb="11" eb="12">
      <t>ニチ</t>
    </rPh>
    <phoneticPr fontId="5"/>
  </si>
  <si>
    <t>※工程表添付</t>
    <rPh sb="1" eb="4">
      <t>コウテイヒョウ</t>
    </rPh>
    <rPh sb="4" eb="6">
      <t>テンプ</t>
    </rPh>
    <phoneticPr fontId="5"/>
  </si>
  <si>
    <t>　伊丹市認可保育所設置・運営事業者募集について、関係書類を添えて参加申し込みします。
　また、事業者決定通知後に応募内容に相違があったことが判明した場合、伊丹市の判断により一方的に決定を取り消される場合があることに同意します。</t>
    <rPh sb="1" eb="4">
      <t>イタミシ</t>
    </rPh>
    <rPh sb="4" eb="6">
      <t>ニンカ</t>
    </rPh>
    <rPh sb="6" eb="8">
      <t>ホイク</t>
    </rPh>
    <rPh sb="8" eb="9">
      <t>ショ</t>
    </rPh>
    <rPh sb="9" eb="11">
      <t>セッチ</t>
    </rPh>
    <rPh sb="12" eb="14">
      <t>ウンエイ</t>
    </rPh>
    <rPh sb="14" eb="17">
      <t>ジギョウシャ</t>
    </rPh>
    <rPh sb="17" eb="19">
      <t>ボシュウ</t>
    </rPh>
    <rPh sb="24" eb="26">
      <t>カンケイ</t>
    </rPh>
    <rPh sb="26" eb="28">
      <t>ショルイ</t>
    </rPh>
    <rPh sb="29" eb="30">
      <t>ソ</t>
    </rPh>
    <rPh sb="32" eb="34">
      <t>サンカ</t>
    </rPh>
    <rPh sb="34" eb="35">
      <t>モウ</t>
    </rPh>
    <rPh sb="36" eb="37">
      <t>コ</t>
    </rPh>
    <phoneticPr fontId="5"/>
  </si>
  <si>
    <t>【○○保育所拠点　資金収支予算】</t>
    <rPh sb="3" eb="6">
      <t>ホイクショ</t>
    </rPh>
    <rPh sb="6" eb="8">
      <t>キョテン</t>
    </rPh>
    <rPh sb="9" eb="11">
      <t>シキン</t>
    </rPh>
    <rPh sb="11" eb="13">
      <t>シュウシ</t>
    </rPh>
    <rPh sb="13" eb="15">
      <t>ヨサン</t>
    </rPh>
    <phoneticPr fontId="40"/>
  </si>
  <si>
    <t>（単位：円）</t>
    <rPh sb="1" eb="3">
      <t>タンイ</t>
    </rPh>
    <rPh sb="4" eb="5">
      <t>エン</t>
    </rPh>
    <phoneticPr fontId="40"/>
  </si>
  <si>
    <t>勘定科目</t>
    <rPh sb="0" eb="2">
      <t>カンジョウ</t>
    </rPh>
    <rPh sb="2" eb="4">
      <t>カモク</t>
    </rPh>
    <phoneticPr fontId="40"/>
  </si>
  <si>
    <t>備考</t>
    <rPh sb="0" eb="2">
      <t>ビコウ</t>
    </rPh>
    <phoneticPr fontId="40"/>
  </si>
  <si>
    <t>事業活動収入</t>
    <rPh sb="0" eb="2">
      <t>ジギョウ</t>
    </rPh>
    <rPh sb="2" eb="4">
      <t>カツドウ</t>
    </rPh>
    <rPh sb="4" eb="6">
      <t>シュウニュウ</t>
    </rPh>
    <phoneticPr fontId="40"/>
  </si>
  <si>
    <t>保育事業収入</t>
    <rPh sb="0" eb="2">
      <t>ホイク</t>
    </rPh>
    <rPh sb="2" eb="4">
      <t>ジギョウ</t>
    </rPh>
    <rPh sb="4" eb="6">
      <t>シュウニュウ</t>
    </rPh>
    <phoneticPr fontId="40"/>
  </si>
  <si>
    <t>施設型給付費収入</t>
    <rPh sb="0" eb="2">
      <t>シセツ</t>
    </rPh>
    <rPh sb="2" eb="3">
      <t>ガタ</t>
    </rPh>
    <rPh sb="3" eb="5">
      <t>キュウフ</t>
    </rPh>
    <rPh sb="5" eb="6">
      <t>ヒ</t>
    </rPh>
    <rPh sb="6" eb="8">
      <t>シュウニュウ</t>
    </rPh>
    <phoneticPr fontId="40"/>
  </si>
  <si>
    <t>（保育所型認定こども園）</t>
    <rPh sb="1" eb="3">
      <t>ホイク</t>
    </rPh>
    <rPh sb="3" eb="4">
      <t>ショ</t>
    </rPh>
    <rPh sb="4" eb="5">
      <t>ガタ</t>
    </rPh>
    <rPh sb="5" eb="7">
      <t>ニンテイ</t>
    </rPh>
    <rPh sb="10" eb="11">
      <t>エン</t>
    </rPh>
    <phoneticPr fontId="40"/>
  </si>
  <si>
    <t>利用者負担金収入</t>
    <rPh sb="0" eb="3">
      <t>リヨウシャ</t>
    </rPh>
    <rPh sb="3" eb="5">
      <t>フタン</t>
    </rPh>
    <rPh sb="5" eb="6">
      <t>キン</t>
    </rPh>
    <rPh sb="6" eb="8">
      <t>シュウニュウ</t>
    </rPh>
    <phoneticPr fontId="40"/>
  </si>
  <si>
    <t>保育料収入</t>
    <rPh sb="0" eb="2">
      <t>ホイク</t>
    </rPh>
    <rPh sb="2" eb="3">
      <t>リョウ</t>
    </rPh>
    <rPh sb="3" eb="5">
      <t>シュウニュウ</t>
    </rPh>
    <phoneticPr fontId="40"/>
  </si>
  <si>
    <t>委託費収入（保育所）</t>
    <rPh sb="0" eb="2">
      <t>イタク</t>
    </rPh>
    <rPh sb="2" eb="3">
      <t>ヒ</t>
    </rPh>
    <rPh sb="3" eb="5">
      <t>シュウニュウ</t>
    </rPh>
    <rPh sb="6" eb="9">
      <t>ホイクショ</t>
    </rPh>
    <phoneticPr fontId="40"/>
  </si>
  <si>
    <t>利用者等利用料収入</t>
    <rPh sb="0" eb="3">
      <t>リヨウシャ</t>
    </rPh>
    <rPh sb="3" eb="4">
      <t>トウ</t>
    </rPh>
    <rPh sb="4" eb="7">
      <t>リヨウリョウ</t>
    </rPh>
    <rPh sb="7" eb="9">
      <t>シュウニュウ</t>
    </rPh>
    <phoneticPr fontId="40"/>
  </si>
  <si>
    <t>利用者等利用料収入</t>
    <rPh sb="0" eb="3">
      <t>リヨウシャ</t>
    </rPh>
    <rPh sb="3" eb="4">
      <t>トウ</t>
    </rPh>
    <rPh sb="4" eb="6">
      <t>リヨウ</t>
    </rPh>
    <rPh sb="6" eb="7">
      <t>リョウ</t>
    </rPh>
    <rPh sb="7" eb="9">
      <t>シュウニュウ</t>
    </rPh>
    <phoneticPr fontId="40"/>
  </si>
  <si>
    <t>実費徴収に係る収入（公費含む）</t>
    <rPh sb="0" eb="2">
      <t>ジッピ</t>
    </rPh>
    <rPh sb="2" eb="4">
      <t>チョウシュウ</t>
    </rPh>
    <rPh sb="5" eb="6">
      <t>カカ</t>
    </rPh>
    <rPh sb="7" eb="9">
      <t>シュウニュウ</t>
    </rPh>
    <rPh sb="10" eb="12">
      <t>コウヒ</t>
    </rPh>
    <rPh sb="12" eb="13">
      <t>フク</t>
    </rPh>
    <phoneticPr fontId="40"/>
  </si>
  <si>
    <t>その他利用料等収入</t>
    <rPh sb="2" eb="3">
      <t>タ</t>
    </rPh>
    <rPh sb="3" eb="6">
      <t>リヨウリョウ</t>
    </rPh>
    <rPh sb="6" eb="7">
      <t>トウ</t>
    </rPh>
    <rPh sb="7" eb="9">
      <t>シュウニュウ</t>
    </rPh>
    <phoneticPr fontId="40"/>
  </si>
  <si>
    <t>質改善に関する徴収金</t>
    <rPh sb="0" eb="1">
      <t>シツ</t>
    </rPh>
    <rPh sb="1" eb="3">
      <t>カイゼン</t>
    </rPh>
    <rPh sb="4" eb="5">
      <t>カン</t>
    </rPh>
    <rPh sb="7" eb="9">
      <t>チョウシュウ</t>
    </rPh>
    <rPh sb="9" eb="10">
      <t>キン</t>
    </rPh>
    <phoneticPr fontId="40"/>
  </si>
  <si>
    <t>私的契約児利用料収入</t>
    <rPh sb="0" eb="2">
      <t>シテキ</t>
    </rPh>
    <rPh sb="2" eb="5">
      <t>ケイヤクジ</t>
    </rPh>
    <rPh sb="5" eb="8">
      <t>リヨウリョウ</t>
    </rPh>
    <rPh sb="8" eb="10">
      <t>シュウニュウ</t>
    </rPh>
    <phoneticPr fontId="40"/>
  </si>
  <si>
    <t>その他事業収入</t>
    <rPh sb="2" eb="3">
      <t>タ</t>
    </rPh>
    <rPh sb="3" eb="5">
      <t>ジギョウ</t>
    </rPh>
    <rPh sb="5" eb="7">
      <t>シュウニュウ</t>
    </rPh>
    <phoneticPr fontId="40"/>
  </si>
  <si>
    <t>補助金事業収入</t>
    <rPh sb="0" eb="3">
      <t>ホジョキン</t>
    </rPh>
    <rPh sb="3" eb="5">
      <t>ジギョウ</t>
    </rPh>
    <rPh sb="5" eb="7">
      <t>シュウニュウ</t>
    </rPh>
    <phoneticPr fontId="40"/>
  </si>
  <si>
    <t>延長保育事業、利用者負担金</t>
    <rPh sb="0" eb="2">
      <t>エンチョウ</t>
    </rPh>
    <rPh sb="2" eb="4">
      <t>ホイク</t>
    </rPh>
    <rPh sb="4" eb="6">
      <t>ジギョウ</t>
    </rPh>
    <rPh sb="7" eb="10">
      <t>リヨウシャ</t>
    </rPh>
    <rPh sb="10" eb="13">
      <t>フタンキン</t>
    </rPh>
    <phoneticPr fontId="40"/>
  </si>
  <si>
    <t>受託事業収入</t>
    <rPh sb="0" eb="2">
      <t>ジュタク</t>
    </rPh>
    <rPh sb="2" eb="4">
      <t>ジギョウ</t>
    </rPh>
    <rPh sb="4" eb="6">
      <t>シュウニュウ</t>
    </rPh>
    <phoneticPr fontId="40"/>
  </si>
  <si>
    <t>その他の事業収入</t>
    <rPh sb="2" eb="3">
      <t>タ</t>
    </rPh>
    <rPh sb="4" eb="6">
      <t>ジギョウ</t>
    </rPh>
    <rPh sb="6" eb="8">
      <t>シュウニュウ</t>
    </rPh>
    <phoneticPr fontId="40"/>
  </si>
  <si>
    <t>経常経費寄附金収入</t>
    <rPh sb="0" eb="2">
      <t>ケイジョウ</t>
    </rPh>
    <rPh sb="2" eb="4">
      <t>ケイヒ</t>
    </rPh>
    <rPh sb="4" eb="7">
      <t>キフキン</t>
    </rPh>
    <rPh sb="7" eb="9">
      <t>シュウニュウ</t>
    </rPh>
    <phoneticPr fontId="40"/>
  </si>
  <si>
    <t>受取利息配当金収入</t>
    <rPh sb="0" eb="2">
      <t>ウケトリ</t>
    </rPh>
    <rPh sb="2" eb="4">
      <t>リソク</t>
    </rPh>
    <rPh sb="4" eb="7">
      <t>ハイトウキン</t>
    </rPh>
    <rPh sb="7" eb="9">
      <t>シュウニュウ</t>
    </rPh>
    <phoneticPr fontId="40"/>
  </si>
  <si>
    <t>その他の収入</t>
    <rPh sb="2" eb="3">
      <t>タ</t>
    </rPh>
    <rPh sb="4" eb="6">
      <t>シュウニュウ</t>
    </rPh>
    <phoneticPr fontId="40"/>
  </si>
  <si>
    <t>利用者等外給食費収入</t>
    <rPh sb="0" eb="3">
      <t>リヨウシャ</t>
    </rPh>
    <rPh sb="3" eb="4">
      <t>トウ</t>
    </rPh>
    <rPh sb="4" eb="5">
      <t>ガイ</t>
    </rPh>
    <rPh sb="5" eb="8">
      <t>キュウショクヒ</t>
    </rPh>
    <rPh sb="8" eb="10">
      <t>シュウニュウ</t>
    </rPh>
    <phoneticPr fontId="40"/>
  </si>
  <si>
    <t>職員給食費収入</t>
    <rPh sb="0" eb="2">
      <t>ショクイン</t>
    </rPh>
    <rPh sb="2" eb="4">
      <t>キュウショク</t>
    </rPh>
    <rPh sb="4" eb="5">
      <t>ヒ</t>
    </rPh>
    <rPh sb="5" eb="7">
      <t>シュウニュウ</t>
    </rPh>
    <phoneticPr fontId="40"/>
  </si>
  <si>
    <t>【事業活動収入計】</t>
    <rPh sb="1" eb="3">
      <t>ジギョウ</t>
    </rPh>
    <rPh sb="3" eb="5">
      <t>カツドウ</t>
    </rPh>
    <rPh sb="5" eb="7">
      <t>シュウニュウ</t>
    </rPh>
    <rPh sb="7" eb="8">
      <t>ケイ</t>
    </rPh>
    <phoneticPr fontId="40"/>
  </si>
  <si>
    <t>事業活動支出</t>
    <rPh sb="0" eb="2">
      <t>ジギョウ</t>
    </rPh>
    <rPh sb="2" eb="4">
      <t>カツドウ</t>
    </rPh>
    <rPh sb="4" eb="6">
      <t>シシュツ</t>
    </rPh>
    <phoneticPr fontId="40"/>
  </si>
  <si>
    <t>人件費支出</t>
    <rPh sb="0" eb="3">
      <t>ジンケンヒ</t>
    </rPh>
    <rPh sb="3" eb="5">
      <t>シシュツ</t>
    </rPh>
    <phoneticPr fontId="40"/>
  </si>
  <si>
    <t>役員報酬支出</t>
    <rPh sb="0" eb="2">
      <t>ヤクイン</t>
    </rPh>
    <rPh sb="2" eb="4">
      <t>ホウシュウ</t>
    </rPh>
    <rPh sb="4" eb="6">
      <t>シシュツ</t>
    </rPh>
    <phoneticPr fontId="40"/>
  </si>
  <si>
    <t>職員給料支出</t>
    <rPh sb="0" eb="2">
      <t>ショクイン</t>
    </rPh>
    <rPh sb="2" eb="4">
      <t>キュウリョウ</t>
    </rPh>
    <rPh sb="4" eb="6">
      <t>シシュツ</t>
    </rPh>
    <phoneticPr fontId="40"/>
  </si>
  <si>
    <t>職員給与、手当等</t>
    <rPh sb="0" eb="2">
      <t>ショクイン</t>
    </rPh>
    <rPh sb="2" eb="4">
      <t>キュウヨ</t>
    </rPh>
    <rPh sb="5" eb="7">
      <t>テアテ</t>
    </rPh>
    <rPh sb="7" eb="8">
      <t>トウ</t>
    </rPh>
    <phoneticPr fontId="40"/>
  </si>
  <si>
    <t>職員賞与支出</t>
    <rPh sb="0" eb="2">
      <t>ショクイン</t>
    </rPh>
    <rPh sb="2" eb="4">
      <t>ショウヨ</t>
    </rPh>
    <rPh sb="4" eb="6">
      <t>シシュツ</t>
    </rPh>
    <phoneticPr fontId="40"/>
  </si>
  <si>
    <t>非常勤職員給与支出</t>
    <rPh sb="0" eb="3">
      <t>ヒジョウキン</t>
    </rPh>
    <rPh sb="3" eb="5">
      <t>ショクイン</t>
    </rPh>
    <rPh sb="5" eb="7">
      <t>キュウヨ</t>
    </rPh>
    <rPh sb="7" eb="9">
      <t>シシュツ</t>
    </rPh>
    <phoneticPr fontId="40"/>
  </si>
  <si>
    <t>退職給付支出</t>
    <rPh sb="0" eb="2">
      <t>タイショク</t>
    </rPh>
    <rPh sb="2" eb="4">
      <t>キュウフ</t>
    </rPh>
    <rPh sb="4" eb="6">
      <t>シシュツ</t>
    </rPh>
    <phoneticPr fontId="40"/>
  </si>
  <si>
    <t>法定福利費</t>
    <rPh sb="0" eb="2">
      <t>ホウテイ</t>
    </rPh>
    <rPh sb="2" eb="4">
      <t>フクリ</t>
    </rPh>
    <rPh sb="4" eb="5">
      <t>ヒ</t>
    </rPh>
    <phoneticPr fontId="40"/>
  </si>
  <si>
    <t>＜人件費計＞</t>
    <rPh sb="1" eb="4">
      <t>ジンケンヒ</t>
    </rPh>
    <rPh sb="4" eb="5">
      <t>ケイ</t>
    </rPh>
    <phoneticPr fontId="40"/>
  </si>
  <si>
    <t>事業費支出</t>
    <rPh sb="0" eb="3">
      <t>ジギョウヒ</t>
    </rPh>
    <rPh sb="3" eb="5">
      <t>シシュツ</t>
    </rPh>
    <phoneticPr fontId="40"/>
  </si>
  <si>
    <t>給食費支出</t>
    <rPh sb="0" eb="3">
      <t>キュウショクヒ</t>
    </rPh>
    <rPh sb="3" eb="5">
      <t>シシュツ</t>
    </rPh>
    <phoneticPr fontId="40"/>
  </si>
  <si>
    <t>保健衛生費支出</t>
    <rPh sb="0" eb="2">
      <t>ホケン</t>
    </rPh>
    <rPh sb="2" eb="4">
      <t>エイセイ</t>
    </rPh>
    <rPh sb="4" eb="5">
      <t>ヒ</t>
    </rPh>
    <rPh sb="5" eb="7">
      <t>シシュツ</t>
    </rPh>
    <phoneticPr fontId="40"/>
  </si>
  <si>
    <t>保育材料費支出</t>
    <rPh sb="0" eb="2">
      <t>ホイク</t>
    </rPh>
    <rPh sb="2" eb="4">
      <t>ザイリョウ</t>
    </rPh>
    <rPh sb="4" eb="5">
      <t>ヒ</t>
    </rPh>
    <rPh sb="5" eb="7">
      <t>シシュツ</t>
    </rPh>
    <phoneticPr fontId="40"/>
  </si>
  <si>
    <t>水道光熱費支出</t>
    <rPh sb="0" eb="2">
      <t>スイドウ</t>
    </rPh>
    <rPh sb="2" eb="5">
      <t>コウネツヒ</t>
    </rPh>
    <rPh sb="5" eb="7">
      <t>シシュツ</t>
    </rPh>
    <phoneticPr fontId="40"/>
  </si>
  <si>
    <t>消耗器具備品費支出</t>
    <rPh sb="0" eb="2">
      <t>ショウモウ</t>
    </rPh>
    <rPh sb="2" eb="4">
      <t>キグ</t>
    </rPh>
    <rPh sb="4" eb="6">
      <t>ビヒン</t>
    </rPh>
    <rPh sb="6" eb="7">
      <t>ヒ</t>
    </rPh>
    <rPh sb="7" eb="9">
      <t>シシュツ</t>
    </rPh>
    <phoneticPr fontId="40"/>
  </si>
  <si>
    <t>保険料支出</t>
    <rPh sb="0" eb="2">
      <t>ホケン</t>
    </rPh>
    <rPh sb="2" eb="3">
      <t>リョウ</t>
    </rPh>
    <rPh sb="3" eb="5">
      <t>シシュツ</t>
    </rPh>
    <phoneticPr fontId="40"/>
  </si>
  <si>
    <t>賃借料支出</t>
    <rPh sb="0" eb="3">
      <t>チンシャクリョウ</t>
    </rPh>
    <rPh sb="3" eb="5">
      <t>シシュツ</t>
    </rPh>
    <phoneticPr fontId="40"/>
  </si>
  <si>
    <t>雑支出</t>
    <rPh sb="0" eb="1">
      <t>ザツ</t>
    </rPh>
    <rPh sb="1" eb="3">
      <t>シシュツ</t>
    </rPh>
    <phoneticPr fontId="40"/>
  </si>
  <si>
    <t>＜事業費計＞</t>
    <rPh sb="1" eb="4">
      <t>ジギョウヒ</t>
    </rPh>
    <rPh sb="4" eb="5">
      <t>ケイ</t>
    </rPh>
    <phoneticPr fontId="40"/>
  </si>
  <si>
    <t>事務費支出</t>
    <rPh sb="0" eb="2">
      <t>ジム</t>
    </rPh>
    <rPh sb="2" eb="3">
      <t>ヒ</t>
    </rPh>
    <rPh sb="3" eb="5">
      <t>シシュツ</t>
    </rPh>
    <phoneticPr fontId="40"/>
  </si>
  <si>
    <t>福利厚生費支出</t>
    <rPh sb="0" eb="2">
      <t>フクリ</t>
    </rPh>
    <rPh sb="2" eb="5">
      <t>コウセイヒ</t>
    </rPh>
    <rPh sb="5" eb="7">
      <t>シシュツ</t>
    </rPh>
    <phoneticPr fontId="40"/>
  </si>
  <si>
    <t>旅費交通費支出</t>
    <rPh sb="0" eb="2">
      <t>リョヒ</t>
    </rPh>
    <rPh sb="2" eb="5">
      <t>コウツウヒ</t>
    </rPh>
    <rPh sb="5" eb="7">
      <t>シシュツ</t>
    </rPh>
    <phoneticPr fontId="40"/>
  </si>
  <si>
    <t>研修研究費支出</t>
    <rPh sb="0" eb="2">
      <t>ケンシュウ</t>
    </rPh>
    <rPh sb="2" eb="5">
      <t>ケンキュウヒ</t>
    </rPh>
    <rPh sb="5" eb="7">
      <t>シシュツ</t>
    </rPh>
    <phoneticPr fontId="40"/>
  </si>
  <si>
    <t>事務消耗品費支出</t>
    <rPh sb="0" eb="2">
      <t>ジム</t>
    </rPh>
    <rPh sb="2" eb="4">
      <t>ショウモウ</t>
    </rPh>
    <rPh sb="4" eb="5">
      <t>ヒン</t>
    </rPh>
    <rPh sb="5" eb="6">
      <t>ヒ</t>
    </rPh>
    <rPh sb="6" eb="8">
      <t>シシュツ</t>
    </rPh>
    <phoneticPr fontId="40"/>
  </si>
  <si>
    <t>印刷製本費支出</t>
    <rPh sb="0" eb="2">
      <t>インサツ</t>
    </rPh>
    <rPh sb="2" eb="4">
      <t>セイホン</t>
    </rPh>
    <rPh sb="4" eb="5">
      <t>ヒ</t>
    </rPh>
    <rPh sb="5" eb="7">
      <t>シシュツ</t>
    </rPh>
    <phoneticPr fontId="40"/>
  </si>
  <si>
    <t>通信運搬費支出</t>
    <rPh sb="0" eb="2">
      <t>ツウシン</t>
    </rPh>
    <rPh sb="2" eb="4">
      <t>ウンパン</t>
    </rPh>
    <rPh sb="4" eb="5">
      <t>ヒ</t>
    </rPh>
    <rPh sb="5" eb="7">
      <t>シシュツ</t>
    </rPh>
    <phoneticPr fontId="40"/>
  </si>
  <si>
    <t>会議費支出</t>
    <rPh sb="0" eb="3">
      <t>カイギヒ</t>
    </rPh>
    <rPh sb="3" eb="5">
      <t>シシュツ</t>
    </rPh>
    <phoneticPr fontId="40"/>
  </si>
  <si>
    <t>広報費支出</t>
    <rPh sb="0" eb="2">
      <t>コウホウ</t>
    </rPh>
    <rPh sb="2" eb="3">
      <t>ヒ</t>
    </rPh>
    <rPh sb="3" eb="5">
      <t>シシュツ</t>
    </rPh>
    <phoneticPr fontId="40"/>
  </si>
  <si>
    <t>業務委託費支出</t>
    <rPh sb="0" eb="2">
      <t>ギョウム</t>
    </rPh>
    <rPh sb="2" eb="4">
      <t>イタク</t>
    </rPh>
    <rPh sb="4" eb="5">
      <t>ヒ</t>
    </rPh>
    <rPh sb="5" eb="7">
      <t>シシュツ</t>
    </rPh>
    <phoneticPr fontId="40"/>
  </si>
  <si>
    <t>手数料支出</t>
    <rPh sb="0" eb="3">
      <t>テスウリョウ</t>
    </rPh>
    <rPh sb="3" eb="5">
      <t>シシュツ</t>
    </rPh>
    <phoneticPr fontId="40"/>
  </si>
  <si>
    <t>保守料支出</t>
    <rPh sb="0" eb="3">
      <t>ホシュリョウ</t>
    </rPh>
    <rPh sb="3" eb="5">
      <t>シシュツ</t>
    </rPh>
    <phoneticPr fontId="40"/>
  </si>
  <si>
    <t>＜事務費計＞</t>
    <rPh sb="1" eb="3">
      <t>ジム</t>
    </rPh>
    <rPh sb="3" eb="4">
      <t>ヒ</t>
    </rPh>
    <rPh sb="4" eb="5">
      <t>ケイ</t>
    </rPh>
    <phoneticPr fontId="40"/>
  </si>
  <si>
    <t>支払利息支出</t>
    <rPh sb="0" eb="2">
      <t>シハライ</t>
    </rPh>
    <rPh sb="2" eb="4">
      <t>リソク</t>
    </rPh>
    <rPh sb="4" eb="6">
      <t>シシュツ</t>
    </rPh>
    <phoneticPr fontId="40"/>
  </si>
  <si>
    <t>借入金利息支出</t>
    <rPh sb="0" eb="2">
      <t>カリイレ</t>
    </rPh>
    <rPh sb="2" eb="3">
      <t>キン</t>
    </rPh>
    <rPh sb="3" eb="5">
      <t>リソク</t>
    </rPh>
    <rPh sb="5" eb="7">
      <t>シシュツ</t>
    </rPh>
    <phoneticPr fontId="40"/>
  </si>
  <si>
    <t>その他の支出</t>
    <rPh sb="2" eb="3">
      <t>タ</t>
    </rPh>
    <rPh sb="4" eb="6">
      <t>シシュツ</t>
    </rPh>
    <phoneticPr fontId="40"/>
  </si>
  <si>
    <t>利用者等外給食費支出</t>
    <rPh sb="0" eb="3">
      <t>リヨウシャ</t>
    </rPh>
    <rPh sb="3" eb="4">
      <t>トウ</t>
    </rPh>
    <rPh sb="4" eb="5">
      <t>ガイ</t>
    </rPh>
    <rPh sb="5" eb="8">
      <t>キュウショクヒ</t>
    </rPh>
    <rPh sb="8" eb="10">
      <t>シシュツ</t>
    </rPh>
    <phoneticPr fontId="40"/>
  </si>
  <si>
    <t>【事業活動支出計】</t>
    <rPh sb="1" eb="3">
      <t>ジギョウ</t>
    </rPh>
    <rPh sb="3" eb="5">
      <t>カツドウ</t>
    </rPh>
    <rPh sb="5" eb="7">
      <t>シシュツ</t>
    </rPh>
    <rPh sb="7" eb="8">
      <t>ケイ</t>
    </rPh>
    <phoneticPr fontId="40"/>
  </si>
  <si>
    <t>事業活動資金収支差額</t>
    <rPh sb="0" eb="2">
      <t>ジギョウ</t>
    </rPh>
    <rPh sb="2" eb="4">
      <t>カツドウ</t>
    </rPh>
    <rPh sb="4" eb="6">
      <t>シキン</t>
    </rPh>
    <rPh sb="6" eb="8">
      <t>シュウシ</t>
    </rPh>
    <rPh sb="8" eb="10">
      <t>サガク</t>
    </rPh>
    <phoneticPr fontId="40"/>
  </si>
  <si>
    <t>施設整備等収入</t>
    <rPh sb="0" eb="2">
      <t>シセツ</t>
    </rPh>
    <rPh sb="2" eb="4">
      <t>セイビ</t>
    </rPh>
    <rPh sb="4" eb="5">
      <t>トウ</t>
    </rPh>
    <rPh sb="5" eb="7">
      <t>シュウニュウ</t>
    </rPh>
    <phoneticPr fontId="40"/>
  </si>
  <si>
    <t>施設整備等補助金収入</t>
    <rPh sb="0" eb="2">
      <t>シセツ</t>
    </rPh>
    <rPh sb="2" eb="4">
      <t>セイビ</t>
    </rPh>
    <rPh sb="4" eb="5">
      <t>トウ</t>
    </rPh>
    <rPh sb="5" eb="8">
      <t>ホジョキン</t>
    </rPh>
    <rPh sb="8" eb="10">
      <t>シュウニュウ</t>
    </rPh>
    <phoneticPr fontId="40"/>
  </si>
  <si>
    <t>施設整備等寄附金収入</t>
    <rPh sb="0" eb="2">
      <t>シセツ</t>
    </rPh>
    <rPh sb="2" eb="4">
      <t>セイビ</t>
    </rPh>
    <rPh sb="4" eb="5">
      <t>トウ</t>
    </rPh>
    <rPh sb="5" eb="8">
      <t>キフキン</t>
    </rPh>
    <rPh sb="8" eb="10">
      <t>シュウニュウ</t>
    </rPh>
    <phoneticPr fontId="40"/>
  </si>
  <si>
    <t>設備資金借入金収入</t>
    <rPh sb="0" eb="2">
      <t>セツビ</t>
    </rPh>
    <rPh sb="2" eb="4">
      <t>シキン</t>
    </rPh>
    <rPh sb="4" eb="6">
      <t>カリイレ</t>
    </rPh>
    <rPh sb="6" eb="7">
      <t>キン</t>
    </rPh>
    <rPh sb="7" eb="9">
      <t>シュウニュウ</t>
    </rPh>
    <phoneticPr fontId="40"/>
  </si>
  <si>
    <t>【施設整備等収入計】</t>
    <rPh sb="1" eb="3">
      <t>シセツ</t>
    </rPh>
    <rPh sb="3" eb="5">
      <t>セイビ</t>
    </rPh>
    <rPh sb="5" eb="6">
      <t>トウ</t>
    </rPh>
    <rPh sb="6" eb="8">
      <t>シュウニュウ</t>
    </rPh>
    <rPh sb="8" eb="9">
      <t>ケイ</t>
    </rPh>
    <phoneticPr fontId="40"/>
  </si>
  <si>
    <t>施設整備等支出</t>
    <rPh sb="0" eb="2">
      <t>シセツ</t>
    </rPh>
    <rPh sb="2" eb="4">
      <t>セイビ</t>
    </rPh>
    <rPh sb="4" eb="5">
      <t>トウ</t>
    </rPh>
    <rPh sb="5" eb="7">
      <t>シシュツ</t>
    </rPh>
    <phoneticPr fontId="40"/>
  </si>
  <si>
    <t>設備資金借入金元金償還支出</t>
    <rPh sb="0" eb="2">
      <t>セツビ</t>
    </rPh>
    <rPh sb="2" eb="4">
      <t>シキン</t>
    </rPh>
    <rPh sb="4" eb="6">
      <t>カリイレ</t>
    </rPh>
    <rPh sb="6" eb="7">
      <t>キン</t>
    </rPh>
    <rPh sb="7" eb="9">
      <t>ガンキン</t>
    </rPh>
    <rPh sb="9" eb="11">
      <t>ショウカン</t>
    </rPh>
    <rPh sb="11" eb="13">
      <t>シシュツ</t>
    </rPh>
    <phoneticPr fontId="40"/>
  </si>
  <si>
    <t>固定資産取得支出</t>
    <rPh sb="0" eb="2">
      <t>コテイ</t>
    </rPh>
    <rPh sb="2" eb="4">
      <t>シサン</t>
    </rPh>
    <rPh sb="4" eb="6">
      <t>シュトク</t>
    </rPh>
    <rPh sb="6" eb="8">
      <t>シシュツ</t>
    </rPh>
    <phoneticPr fontId="40"/>
  </si>
  <si>
    <t>【施設整備等支出計】</t>
    <rPh sb="1" eb="3">
      <t>シセツ</t>
    </rPh>
    <rPh sb="3" eb="5">
      <t>セイビ</t>
    </rPh>
    <rPh sb="5" eb="6">
      <t>トウ</t>
    </rPh>
    <rPh sb="6" eb="8">
      <t>シシュツ</t>
    </rPh>
    <rPh sb="8" eb="9">
      <t>ケイ</t>
    </rPh>
    <phoneticPr fontId="40"/>
  </si>
  <si>
    <t>施設整備等資金収支差額</t>
    <rPh sb="0" eb="2">
      <t>シセツ</t>
    </rPh>
    <rPh sb="2" eb="4">
      <t>セイビ</t>
    </rPh>
    <rPh sb="4" eb="5">
      <t>トウ</t>
    </rPh>
    <rPh sb="5" eb="7">
      <t>シキン</t>
    </rPh>
    <rPh sb="7" eb="9">
      <t>シュウシ</t>
    </rPh>
    <rPh sb="9" eb="11">
      <t>サガク</t>
    </rPh>
    <phoneticPr fontId="40"/>
  </si>
  <si>
    <t>その他の活動による収入</t>
    <rPh sb="2" eb="3">
      <t>タ</t>
    </rPh>
    <rPh sb="4" eb="6">
      <t>カツドウ</t>
    </rPh>
    <rPh sb="9" eb="11">
      <t>シュウニュウ</t>
    </rPh>
    <phoneticPr fontId="40"/>
  </si>
  <si>
    <t>【その他の活動による収入計】</t>
    <rPh sb="3" eb="4">
      <t>タ</t>
    </rPh>
    <rPh sb="5" eb="7">
      <t>カツドウ</t>
    </rPh>
    <rPh sb="10" eb="12">
      <t>シュウニュウ</t>
    </rPh>
    <rPh sb="12" eb="13">
      <t>ケイ</t>
    </rPh>
    <phoneticPr fontId="40"/>
  </si>
  <si>
    <t>その他の活動による支出</t>
    <rPh sb="2" eb="3">
      <t>タ</t>
    </rPh>
    <rPh sb="4" eb="6">
      <t>カツドウ</t>
    </rPh>
    <rPh sb="9" eb="11">
      <t>シシュツ</t>
    </rPh>
    <phoneticPr fontId="40"/>
  </si>
  <si>
    <t>積立資産支出</t>
    <rPh sb="0" eb="2">
      <t>ツミタテ</t>
    </rPh>
    <rPh sb="2" eb="4">
      <t>シサン</t>
    </rPh>
    <rPh sb="4" eb="6">
      <t>シシュツ</t>
    </rPh>
    <phoneticPr fontId="40"/>
  </si>
  <si>
    <t>【その他の活動による支出計】</t>
    <rPh sb="3" eb="4">
      <t>タ</t>
    </rPh>
    <rPh sb="5" eb="7">
      <t>カツドウ</t>
    </rPh>
    <rPh sb="10" eb="12">
      <t>シシュツ</t>
    </rPh>
    <rPh sb="12" eb="13">
      <t>ケイ</t>
    </rPh>
    <phoneticPr fontId="40"/>
  </si>
  <si>
    <t>その他の活動による資金収支差額</t>
    <rPh sb="2" eb="3">
      <t>タ</t>
    </rPh>
    <rPh sb="4" eb="6">
      <t>カツドウ</t>
    </rPh>
    <rPh sb="9" eb="11">
      <t>シキン</t>
    </rPh>
    <rPh sb="11" eb="13">
      <t>シュウシ</t>
    </rPh>
    <rPh sb="13" eb="15">
      <t>サガク</t>
    </rPh>
    <phoneticPr fontId="40"/>
  </si>
  <si>
    <t>予備費支出</t>
    <rPh sb="0" eb="3">
      <t>ヨビヒ</t>
    </rPh>
    <rPh sb="3" eb="5">
      <t>シシュツ</t>
    </rPh>
    <phoneticPr fontId="40"/>
  </si>
  <si>
    <t>当期資金収支差額合計</t>
    <rPh sb="0" eb="2">
      <t>トウキ</t>
    </rPh>
    <rPh sb="2" eb="4">
      <t>シキン</t>
    </rPh>
    <rPh sb="4" eb="6">
      <t>シュウシ</t>
    </rPh>
    <rPh sb="6" eb="8">
      <t>サガク</t>
    </rPh>
    <rPh sb="8" eb="10">
      <t>ゴウケイ</t>
    </rPh>
    <phoneticPr fontId="40"/>
  </si>
  <si>
    <t>当期末支払資金残高</t>
    <rPh sb="0" eb="2">
      <t>トウキ</t>
    </rPh>
    <rPh sb="2" eb="3">
      <t>マツ</t>
    </rPh>
    <rPh sb="3" eb="5">
      <t>シハライ</t>
    </rPh>
    <rPh sb="5" eb="7">
      <t>シキン</t>
    </rPh>
    <rPh sb="7" eb="9">
      <t>ザンダカ</t>
    </rPh>
    <phoneticPr fontId="40"/>
  </si>
  <si>
    <t>様式１１</t>
    <phoneticPr fontId="3"/>
  </si>
  <si>
    <t>令和３年度予算</t>
    <rPh sb="0" eb="1">
      <t>レイ</t>
    </rPh>
    <rPh sb="1" eb="2">
      <t>ワ</t>
    </rPh>
    <rPh sb="3" eb="5">
      <t>ネンド</t>
    </rPh>
    <rPh sb="5" eb="7">
      <t>ヨサン</t>
    </rPh>
    <phoneticPr fontId="40"/>
  </si>
  <si>
    <t>社会福祉事業経験</t>
    <rPh sb="0" eb="2">
      <t>シャカイ</t>
    </rPh>
    <rPh sb="2" eb="4">
      <t>フクシ</t>
    </rPh>
    <rPh sb="4" eb="6">
      <t>ジギョウ</t>
    </rPh>
    <rPh sb="6" eb="8">
      <t>ケイケン</t>
    </rPh>
    <phoneticPr fontId="5"/>
  </si>
  <si>
    <t>現　職</t>
    <rPh sb="0" eb="1">
      <t>ゲン</t>
    </rPh>
    <rPh sb="2" eb="3">
      <t>ショク</t>
    </rPh>
    <phoneticPr fontId="5"/>
  </si>
  <si>
    <t>開発行為の有無</t>
    <rPh sb="0" eb="2">
      <t>カイハツ</t>
    </rPh>
    <rPh sb="2" eb="4">
      <t>コウイ</t>
    </rPh>
    <rPh sb="5" eb="7">
      <t>ウム</t>
    </rPh>
    <phoneticPr fontId="5"/>
  </si>
  <si>
    <t>□無　　　□有（有の場合、以下に都市計画課との事前相談状況・内容を記載すること）</t>
    <rPh sb="1" eb="2">
      <t>ナ</t>
    </rPh>
    <rPh sb="6" eb="7">
      <t>ア</t>
    </rPh>
    <rPh sb="8" eb="9">
      <t>ア</t>
    </rPh>
    <rPh sb="10" eb="12">
      <t>バアイ</t>
    </rPh>
    <rPh sb="13" eb="15">
      <t>イカ</t>
    </rPh>
    <rPh sb="16" eb="18">
      <t>トシ</t>
    </rPh>
    <rPh sb="18" eb="20">
      <t>ケイカク</t>
    </rPh>
    <rPh sb="20" eb="21">
      <t>カ</t>
    </rPh>
    <rPh sb="23" eb="25">
      <t>ジゼン</t>
    </rPh>
    <rPh sb="25" eb="27">
      <t>ソウダン</t>
    </rPh>
    <rPh sb="27" eb="29">
      <t>ジョウキョウ</t>
    </rPh>
    <rPh sb="30" eb="32">
      <t>ナイヨウ</t>
    </rPh>
    <rPh sb="33" eb="35">
      <t>キサイ</t>
    </rPh>
    <phoneticPr fontId="5"/>
  </si>
  <si>
    <t>令和４年４月１日～令和５年３月31日</t>
    <rPh sb="0" eb="1">
      <t>レイ</t>
    </rPh>
    <rPh sb="1" eb="2">
      <t>ワ</t>
    </rPh>
    <rPh sb="3" eb="4">
      <t>ネン</t>
    </rPh>
    <rPh sb="5" eb="6">
      <t>ツキ</t>
    </rPh>
    <rPh sb="7" eb="8">
      <t>ニチ</t>
    </rPh>
    <rPh sb="9" eb="11">
      <t>レイワ</t>
    </rPh>
    <rPh sb="12" eb="13">
      <t>ネン</t>
    </rPh>
    <rPh sb="14" eb="15">
      <t>ガツ</t>
    </rPh>
    <rPh sb="17" eb="18">
      <t>ニチ</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00&quot;㎡&quot;"/>
    <numFmt numFmtId="177" formatCode="0.00_ "/>
  </numFmts>
  <fonts count="45">
    <font>
      <sz val="11"/>
      <color theme="1"/>
      <name val="ＭＳ Ｐゴシック"/>
      <family val="3"/>
      <charset val="128"/>
      <scheme val="minor"/>
    </font>
    <font>
      <sz val="11"/>
      <color theme="1"/>
      <name val="ＭＳ Ｐゴシック"/>
      <family val="3"/>
      <charset val="128"/>
      <scheme val="minor"/>
    </font>
    <font>
      <sz val="11"/>
      <color theme="1"/>
      <name val="ＭＳ 明朝"/>
      <family val="1"/>
      <charset val="128"/>
    </font>
    <font>
      <sz val="6"/>
      <name val="ＭＳ Ｐゴシック"/>
      <family val="3"/>
      <charset val="128"/>
      <scheme val="minor"/>
    </font>
    <font>
      <sz val="16"/>
      <color theme="1"/>
      <name val="HGｺﾞｼｯｸM"/>
      <family val="3"/>
      <charset val="128"/>
    </font>
    <font>
      <sz val="6"/>
      <name val="ＭＳ Ｐゴシック"/>
      <family val="3"/>
      <charset val="128"/>
    </font>
    <font>
      <sz val="16"/>
      <color theme="1"/>
      <name val="ＭＳ Ｐゴシック"/>
      <family val="3"/>
      <charset val="128"/>
      <scheme val="minor"/>
    </font>
    <font>
      <sz val="11"/>
      <name val="ＭＳ Ｐゴシック"/>
      <family val="3"/>
      <charset val="128"/>
    </font>
    <font>
      <b/>
      <sz val="16"/>
      <color theme="1"/>
      <name val="HG丸ｺﾞｼｯｸM-PRO"/>
      <family val="3"/>
      <charset val="128"/>
    </font>
    <font>
      <sz val="11"/>
      <color theme="1"/>
      <name val="HGSｺﾞｼｯｸM"/>
      <family val="3"/>
      <charset val="128"/>
    </font>
    <font>
      <sz val="10"/>
      <color theme="1"/>
      <name val="ＭＳ Ｐ明朝"/>
      <family val="1"/>
      <charset val="128"/>
    </font>
    <font>
      <sz val="11"/>
      <color theme="1"/>
      <name val="HGPｺﾞｼｯｸM"/>
      <family val="3"/>
      <charset val="128"/>
    </font>
    <font>
      <sz val="10"/>
      <color theme="1"/>
      <name val="HGPｺﾞｼｯｸM"/>
      <family val="3"/>
      <charset val="128"/>
    </font>
    <font>
      <sz val="16"/>
      <color theme="1"/>
      <name val="HGPｺﾞｼｯｸM"/>
      <family val="3"/>
      <charset val="128"/>
    </font>
    <font>
      <sz val="16"/>
      <color theme="1"/>
      <name val="ＭＳ 明朝"/>
      <family val="1"/>
      <charset val="128"/>
    </font>
    <font>
      <sz val="10.5"/>
      <color theme="1"/>
      <name val="HGPｺﾞｼｯｸM"/>
      <family val="3"/>
      <charset val="128"/>
    </font>
    <font>
      <sz val="10.5"/>
      <color theme="1"/>
      <name val="ＭＳ 明朝"/>
      <family val="1"/>
      <charset val="128"/>
    </font>
    <font>
      <sz val="10.5"/>
      <name val="ＭＳ 明朝"/>
      <family val="1"/>
      <charset val="128"/>
    </font>
    <font>
      <sz val="10"/>
      <name val="ＭＳ 明朝"/>
      <family val="1"/>
      <charset val="128"/>
    </font>
    <font>
      <sz val="10.5"/>
      <color indexed="8"/>
      <name val="HGPｺﾞｼｯｸM"/>
      <family val="3"/>
      <charset val="128"/>
    </font>
    <font>
      <sz val="10.5"/>
      <color theme="1"/>
      <name val="HGｺﾞｼｯｸM"/>
      <family val="3"/>
      <charset val="128"/>
    </font>
    <font>
      <sz val="11"/>
      <color theme="1"/>
      <name val="HGｺﾞｼｯｸM"/>
      <family val="3"/>
      <charset val="128"/>
    </font>
    <font>
      <sz val="11"/>
      <name val="HGｺﾞｼｯｸM"/>
      <family val="3"/>
      <charset val="128"/>
    </font>
    <font>
      <sz val="12"/>
      <name val="HGｺﾞｼｯｸM"/>
      <family val="3"/>
      <charset val="128"/>
    </font>
    <font>
      <sz val="12"/>
      <color theme="1"/>
      <name val="HGｺﾞｼｯｸM"/>
      <family val="3"/>
      <charset val="128"/>
    </font>
    <font>
      <sz val="11"/>
      <name val="ＭＳ 明朝"/>
      <family val="1"/>
      <charset val="128"/>
    </font>
    <font>
      <sz val="8"/>
      <color theme="1"/>
      <name val="ＭＳ 明朝"/>
      <family val="1"/>
      <charset val="128"/>
    </font>
    <font>
      <sz val="11"/>
      <color theme="1"/>
      <name val="ＭＳ Ｐ明朝"/>
      <family val="1"/>
      <charset val="128"/>
    </font>
    <font>
      <b/>
      <sz val="14"/>
      <color theme="1"/>
      <name val="HG丸ｺﾞｼｯｸM-PRO"/>
      <family val="3"/>
      <charset val="128"/>
    </font>
    <font>
      <sz val="9"/>
      <color theme="1"/>
      <name val="HGPｺﾞｼｯｸM"/>
      <family val="3"/>
      <charset val="128"/>
    </font>
    <font>
      <b/>
      <sz val="14"/>
      <name val="HG丸ｺﾞｼｯｸM-PRO"/>
      <family val="3"/>
      <charset val="128"/>
    </font>
    <font>
      <sz val="11"/>
      <name val="ＭＳ Ｐ明朝"/>
      <family val="1"/>
      <charset val="128"/>
    </font>
    <font>
      <sz val="10"/>
      <name val="ＭＳ Ｐ明朝"/>
      <family val="1"/>
      <charset val="128"/>
    </font>
    <font>
      <sz val="12"/>
      <color theme="1"/>
      <name val="ＭＳ Ｐゴシック"/>
      <family val="3"/>
      <charset val="128"/>
      <scheme val="minor"/>
    </font>
    <font>
      <sz val="10"/>
      <color indexed="8"/>
      <name val="ＭＳ Ｐ明朝"/>
      <family val="1"/>
      <charset val="128"/>
    </font>
    <font>
      <sz val="11"/>
      <color indexed="8"/>
      <name val="ＭＳ Ｐ明朝"/>
      <family val="1"/>
      <charset val="128"/>
    </font>
    <font>
      <sz val="10.5"/>
      <color indexed="8"/>
      <name val="ＭＳ Ｐ明朝"/>
      <family val="1"/>
      <charset val="128"/>
    </font>
    <font>
      <sz val="10"/>
      <color indexed="8"/>
      <name val="HGPｺﾞｼｯｸM"/>
      <family val="3"/>
      <charset val="128"/>
    </font>
    <font>
      <sz val="11"/>
      <color indexed="8"/>
      <name val="HGｺﾞｼｯｸM"/>
      <family val="3"/>
      <charset val="128"/>
    </font>
    <font>
      <sz val="9"/>
      <color theme="1"/>
      <name val="ＭＳ Ｐゴシック"/>
      <family val="2"/>
      <charset val="128"/>
      <scheme val="minor"/>
    </font>
    <font>
      <sz val="6"/>
      <name val="ＭＳ Ｐゴシック"/>
      <family val="2"/>
      <charset val="128"/>
      <scheme val="minor"/>
    </font>
    <font>
      <sz val="9"/>
      <color theme="1"/>
      <name val="ＭＳ Ｐゴシック"/>
      <family val="3"/>
      <charset val="128"/>
      <scheme val="minor"/>
    </font>
    <font>
      <sz val="9"/>
      <color rgb="FFFF0000"/>
      <name val="ＭＳ Ｐゴシック"/>
      <family val="3"/>
      <charset val="128"/>
      <scheme val="minor"/>
    </font>
    <font>
      <sz val="8"/>
      <color rgb="FFFF0000"/>
      <name val="ＭＳ Ｐゴシック"/>
      <family val="3"/>
      <charset val="128"/>
      <scheme val="minor"/>
    </font>
    <font>
      <sz val="9"/>
      <name val="ＭＳ Ｐゴシック"/>
      <family val="3"/>
      <charset val="128"/>
      <scheme val="minor"/>
    </font>
  </fonts>
  <fills count="5">
    <fill>
      <patternFill patternType="none"/>
    </fill>
    <fill>
      <patternFill patternType="gray125"/>
    </fill>
    <fill>
      <patternFill patternType="solid">
        <fgColor rgb="FFCCFFCC"/>
        <bgColor indexed="64"/>
      </patternFill>
    </fill>
    <fill>
      <patternFill patternType="solid">
        <fgColor rgb="FFFF99CC"/>
        <bgColor indexed="64"/>
      </patternFill>
    </fill>
    <fill>
      <patternFill patternType="solid">
        <fgColor theme="8" tint="0.79998168889431442"/>
        <bgColor indexed="64"/>
      </patternFill>
    </fill>
  </fills>
  <borders count="102">
    <border>
      <left/>
      <right/>
      <top/>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thin">
        <color indexed="64"/>
      </right>
      <top/>
      <bottom style="thin">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medium">
        <color indexed="64"/>
      </right>
      <top style="hair">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hair">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right/>
      <top style="medium">
        <color indexed="64"/>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diagonalDown="1">
      <left style="medium">
        <color indexed="64"/>
      </left>
      <right style="thin">
        <color indexed="64"/>
      </right>
      <top style="thin">
        <color indexed="64"/>
      </top>
      <bottom style="thin">
        <color indexed="64"/>
      </bottom>
      <diagonal style="hair">
        <color indexed="64"/>
      </diagonal>
    </border>
    <border>
      <left style="thin">
        <color indexed="64"/>
      </left>
      <right/>
      <top style="medium">
        <color indexed="64"/>
      </top>
      <bottom style="thin">
        <color indexed="64"/>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style="thin">
        <color indexed="64"/>
      </right>
      <top style="medium">
        <color indexed="64"/>
      </top>
      <bottom style="thin">
        <color indexed="64"/>
      </bottom>
      <diagonal/>
    </border>
    <border>
      <left style="medium">
        <color indexed="64"/>
      </left>
      <right/>
      <top style="thin">
        <color indexed="64"/>
      </top>
      <bottom/>
      <diagonal/>
    </border>
    <border>
      <left style="medium">
        <color indexed="64"/>
      </left>
      <right style="thin">
        <color indexed="64"/>
      </right>
      <top/>
      <bottom style="thin">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double">
        <color indexed="64"/>
      </left>
      <right style="thin">
        <color indexed="64"/>
      </right>
      <top style="thin">
        <color indexed="64"/>
      </top>
      <bottom style="thin">
        <color indexed="64"/>
      </bottom>
      <diagonal/>
    </border>
    <border>
      <left style="double">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
      <left style="double">
        <color indexed="64"/>
      </left>
      <right style="thin">
        <color indexed="64"/>
      </right>
      <top style="double">
        <color indexed="64"/>
      </top>
      <bottom style="thin">
        <color indexed="64"/>
      </bottom>
      <diagonal/>
    </border>
    <border>
      <left style="dashed">
        <color indexed="64"/>
      </left>
      <right/>
      <top style="thin">
        <color indexed="64"/>
      </top>
      <bottom/>
      <diagonal/>
    </border>
    <border>
      <left style="dotted">
        <color indexed="64"/>
      </left>
      <right/>
      <top style="thin">
        <color indexed="64"/>
      </top>
      <bottom/>
      <diagonal/>
    </border>
    <border>
      <left/>
      <right style="dotted">
        <color indexed="64"/>
      </right>
      <top style="thin">
        <color indexed="64"/>
      </top>
      <bottom/>
      <diagonal/>
    </border>
    <border>
      <left style="dashed">
        <color indexed="64"/>
      </left>
      <right/>
      <top/>
      <bottom/>
      <diagonal/>
    </border>
    <border>
      <left style="dotted">
        <color indexed="64"/>
      </left>
      <right/>
      <top/>
      <bottom/>
      <diagonal/>
    </border>
    <border>
      <left/>
      <right style="dotted">
        <color indexed="64"/>
      </right>
      <top/>
      <bottom/>
      <diagonal/>
    </border>
    <border>
      <left style="dashed">
        <color indexed="64"/>
      </left>
      <right/>
      <top/>
      <bottom style="thin">
        <color indexed="64"/>
      </bottom>
      <diagonal/>
    </border>
    <border>
      <left style="dotted">
        <color indexed="64"/>
      </left>
      <right/>
      <top/>
      <bottom style="thin">
        <color indexed="64"/>
      </bottom>
      <diagonal/>
    </border>
    <border>
      <left/>
      <right style="dotted">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left/>
      <right style="thin">
        <color indexed="64"/>
      </right>
      <top style="double">
        <color indexed="64"/>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right/>
      <top style="double">
        <color indexed="64"/>
      </top>
      <bottom style="thin">
        <color indexed="64"/>
      </bottom>
      <diagonal/>
    </border>
    <border>
      <left/>
      <right/>
      <top/>
      <bottom style="medium">
        <color indexed="64"/>
      </bottom>
      <diagonal/>
    </border>
    <border>
      <left style="thin">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hair">
        <color indexed="64"/>
      </right>
      <top style="thin">
        <color indexed="64"/>
      </top>
      <bottom/>
      <diagonal/>
    </border>
    <border>
      <left style="medium">
        <color indexed="64"/>
      </left>
      <right style="thin">
        <color indexed="64"/>
      </right>
      <top style="double">
        <color indexed="64"/>
      </top>
      <bottom style="medium">
        <color indexed="64"/>
      </bottom>
      <diagonal/>
    </border>
    <border>
      <left style="thin">
        <color indexed="64"/>
      </left>
      <right style="hair">
        <color indexed="64"/>
      </right>
      <top style="double">
        <color indexed="64"/>
      </top>
      <bottom style="medium">
        <color indexed="64"/>
      </bottom>
      <diagonal/>
    </border>
    <border>
      <left/>
      <right style="thin">
        <color indexed="64"/>
      </right>
      <top style="double">
        <color indexed="64"/>
      </top>
      <bottom style="medium">
        <color indexed="64"/>
      </bottom>
      <diagonal/>
    </border>
    <border>
      <left style="thin">
        <color indexed="64"/>
      </left>
      <right style="thin">
        <color indexed="64"/>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style="medium">
        <color indexed="64"/>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thin">
        <color indexed="64"/>
      </left>
      <right style="thin">
        <color indexed="64"/>
      </right>
      <top style="double">
        <color indexed="64"/>
      </top>
      <bottom/>
      <diagonal/>
    </border>
    <border>
      <left style="thin">
        <color indexed="64"/>
      </left>
      <right style="medium">
        <color indexed="64"/>
      </right>
      <top style="double">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medium">
        <color indexed="64"/>
      </bottom>
      <diagonal/>
    </border>
    <border>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medium">
        <color indexed="64"/>
      </top>
      <bottom/>
      <diagonal/>
    </border>
    <border>
      <left style="thin">
        <color indexed="64"/>
      </left>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top style="thin">
        <color indexed="64"/>
      </top>
      <bottom style="hair">
        <color indexed="64"/>
      </bottom>
      <diagonal/>
    </border>
    <border>
      <left/>
      <right/>
      <top style="hair">
        <color indexed="64"/>
      </top>
      <bottom style="thin">
        <color indexed="64"/>
      </bottom>
      <diagonal/>
    </border>
  </borders>
  <cellStyleXfs count="8">
    <xf numFmtId="0" fontId="0" fillId="0" borderId="0"/>
    <xf numFmtId="38" fontId="7" fillId="0" borderId="0" applyFont="0" applyFill="0" applyBorder="0" applyAlignment="0" applyProtection="0">
      <alignment vertical="center"/>
    </xf>
    <xf numFmtId="0" fontId="1" fillId="0" borderId="0">
      <alignment vertical="center"/>
    </xf>
    <xf numFmtId="0" fontId="7" fillId="0" borderId="0">
      <alignment vertical="center"/>
    </xf>
    <xf numFmtId="0" fontId="7" fillId="0" borderId="0"/>
    <xf numFmtId="0" fontId="1" fillId="0" borderId="0">
      <alignment vertical="center"/>
    </xf>
    <xf numFmtId="38" fontId="1" fillId="0" borderId="0" applyFont="0" applyFill="0" applyBorder="0" applyAlignment="0" applyProtection="0">
      <alignment vertical="center"/>
    </xf>
    <xf numFmtId="38" fontId="1" fillId="0" borderId="0" applyFont="0" applyFill="0" applyBorder="0" applyAlignment="0" applyProtection="0">
      <alignment vertical="center"/>
    </xf>
  </cellStyleXfs>
  <cellXfs count="585">
    <xf numFmtId="0" fontId="0" fillId="0" borderId="0" xfId="0"/>
    <xf numFmtId="0" fontId="2" fillId="0" borderId="0" xfId="0" applyFont="1" applyAlignment="1">
      <alignment vertical="center"/>
    </xf>
    <xf numFmtId="0" fontId="6" fillId="0" borderId="0" xfId="0" applyFont="1" applyAlignment="1">
      <alignment horizontal="center" vertical="center"/>
    </xf>
    <xf numFmtId="0" fontId="2" fillId="0" borderId="0" xfId="0" applyFont="1" applyAlignment="1">
      <alignment horizontal="center" vertical="center"/>
    </xf>
    <xf numFmtId="0" fontId="0" fillId="0" borderId="0" xfId="0" applyAlignment="1">
      <alignment vertical="center"/>
    </xf>
    <xf numFmtId="0" fontId="2" fillId="0" borderId="1" xfId="0" applyFont="1" applyBorder="1" applyAlignment="1">
      <alignment horizontal="center" vertical="center"/>
    </xf>
    <xf numFmtId="0" fontId="11" fillId="0" borderId="0" xfId="0" applyFont="1" applyAlignment="1">
      <alignment vertical="center"/>
    </xf>
    <xf numFmtId="0" fontId="2" fillId="0" borderId="0" xfId="0" applyFont="1"/>
    <xf numFmtId="0" fontId="14" fillId="0" borderId="0" xfId="0" applyFont="1" applyAlignment="1">
      <alignment horizontal="center"/>
    </xf>
    <xf numFmtId="49" fontId="2" fillId="0" borderId="0" xfId="0" applyNumberFormat="1" applyFont="1" applyAlignment="1">
      <alignment horizontal="left"/>
    </xf>
    <xf numFmtId="0" fontId="2" fillId="0" borderId="0" xfId="0" applyFont="1" applyAlignment="1">
      <alignment horizontal="left" vertical="top" wrapText="1"/>
    </xf>
    <xf numFmtId="0" fontId="16" fillId="0" borderId="0" xfId="0" applyFont="1"/>
    <xf numFmtId="0" fontId="15" fillId="2" borderId="24" xfId="0" applyFont="1" applyFill="1" applyBorder="1" applyAlignment="1">
      <alignment vertical="center" textRotation="255"/>
    </xf>
    <xf numFmtId="0" fontId="15" fillId="2" borderId="27" xfId="0" applyFont="1" applyFill="1" applyBorder="1" applyAlignment="1">
      <alignment vertical="center" textRotation="255"/>
    </xf>
    <xf numFmtId="0" fontId="16" fillId="0" borderId="29" xfId="0" applyFont="1" applyBorder="1" applyAlignment="1">
      <alignment vertical="center" textRotation="255"/>
    </xf>
    <xf numFmtId="0" fontId="16" fillId="0" borderId="29" xfId="0" applyFont="1" applyBorder="1" applyAlignment="1">
      <alignment horizontal="left" vertical="center"/>
    </xf>
    <xf numFmtId="0" fontId="16" fillId="0" borderId="0" xfId="0" applyFont="1" applyBorder="1" applyAlignment="1">
      <alignment vertical="center" textRotation="255"/>
    </xf>
    <xf numFmtId="0" fontId="16" fillId="0" borderId="0" xfId="0" applyFont="1" applyBorder="1" applyAlignment="1">
      <alignment horizontal="left" vertical="center"/>
    </xf>
    <xf numFmtId="0" fontId="15" fillId="2" borderId="37" xfId="0" applyFont="1" applyFill="1" applyBorder="1"/>
    <xf numFmtId="0" fontId="15" fillId="2" borderId="1" xfId="0" applyFont="1" applyFill="1" applyBorder="1" applyAlignment="1">
      <alignment horizontal="center" vertical="center"/>
    </xf>
    <xf numFmtId="0" fontId="15" fillId="2" borderId="14" xfId="0" applyFont="1" applyFill="1" applyBorder="1" applyAlignment="1">
      <alignment horizontal="center" vertical="center"/>
    </xf>
    <xf numFmtId="0" fontId="16" fillId="0" borderId="1" xfId="0" applyFont="1" applyBorder="1"/>
    <xf numFmtId="0" fontId="15" fillId="2" borderId="20" xfId="0" applyFont="1" applyFill="1" applyBorder="1" applyAlignment="1">
      <alignment horizontal="center" vertical="center"/>
    </xf>
    <xf numFmtId="0" fontId="16" fillId="0" borderId="22" xfId="0" applyFont="1" applyBorder="1"/>
    <xf numFmtId="0" fontId="15" fillId="2" borderId="25" xfId="0" applyFont="1" applyFill="1" applyBorder="1" applyAlignment="1">
      <alignment horizontal="center" vertical="center"/>
    </xf>
    <xf numFmtId="0" fontId="16" fillId="0" borderId="1" xfId="0" applyFont="1" applyBorder="1" applyAlignment="1">
      <alignment vertical="center"/>
    </xf>
    <xf numFmtId="0" fontId="16" fillId="0" borderId="22" xfId="0" applyFont="1" applyBorder="1" applyAlignment="1">
      <alignment vertical="center"/>
    </xf>
    <xf numFmtId="0" fontId="16" fillId="0" borderId="1" xfId="0" applyFont="1" applyBorder="1" applyAlignment="1">
      <alignment horizontal="justify" vertical="center" wrapText="1"/>
    </xf>
    <xf numFmtId="0" fontId="16" fillId="0" borderId="4" xfId="0" applyFont="1" applyBorder="1" applyAlignment="1">
      <alignment horizontal="justify" vertical="center" wrapText="1"/>
    </xf>
    <xf numFmtId="0" fontId="2" fillId="0" borderId="0" xfId="0" applyFont="1" applyBorder="1"/>
    <xf numFmtId="0" fontId="22" fillId="2" borderId="34" xfId="0" applyFont="1" applyFill="1" applyBorder="1" applyAlignment="1">
      <alignment horizontal="center" vertical="center"/>
    </xf>
    <xf numFmtId="0" fontId="22" fillId="2" borderId="25" xfId="0" applyFont="1" applyFill="1" applyBorder="1" applyAlignment="1">
      <alignment horizontal="center" vertical="center"/>
    </xf>
    <xf numFmtId="0" fontId="22" fillId="2" borderId="51" xfId="0" applyFont="1" applyFill="1" applyBorder="1" applyAlignment="1">
      <alignment horizontal="center" vertical="center"/>
    </xf>
    <xf numFmtId="0" fontId="2" fillId="0" borderId="16" xfId="0" applyFont="1" applyBorder="1" applyAlignment="1">
      <alignment horizontal="center" vertical="center"/>
    </xf>
    <xf numFmtId="0" fontId="2" fillId="0" borderId="18" xfId="0" applyFont="1" applyBorder="1" applyAlignment="1">
      <alignment horizontal="center" vertical="center"/>
    </xf>
    <xf numFmtId="0" fontId="2" fillId="0" borderId="52" xfId="0" applyFont="1" applyBorder="1" applyAlignment="1">
      <alignment horizontal="center" vertical="center"/>
    </xf>
    <xf numFmtId="0" fontId="2" fillId="0" borderId="46" xfId="0" applyFont="1" applyBorder="1" applyAlignment="1">
      <alignment horizontal="center" vertical="center"/>
    </xf>
    <xf numFmtId="0" fontId="23" fillId="2" borderId="13" xfId="0" applyFont="1" applyFill="1" applyBorder="1" applyAlignment="1">
      <alignment horizontal="center" vertical="center"/>
    </xf>
    <xf numFmtId="0" fontId="2" fillId="0" borderId="15" xfId="0" applyFont="1" applyBorder="1" applyAlignment="1">
      <alignment horizontal="left" vertical="center"/>
    </xf>
    <xf numFmtId="0" fontId="2" fillId="0" borderId="28" xfId="0" applyFont="1" applyBorder="1" applyAlignment="1">
      <alignment horizontal="left" vertical="center"/>
    </xf>
    <xf numFmtId="0" fontId="22" fillId="2" borderId="16" xfId="0" applyFont="1" applyFill="1" applyBorder="1" applyAlignment="1">
      <alignment horizontal="center" vertical="center"/>
    </xf>
    <xf numFmtId="0" fontId="22" fillId="2" borderId="1" xfId="0" applyFont="1" applyFill="1" applyBorder="1" applyAlignment="1">
      <alignment horizontal="center" vertical="center"/>
    </xf>
    <xf numFmtId="0" fontId="22" fillId="2" borderId="18" xfId="0" applyFont="1" applyFill="1" applyBorder="1" applyAlignment="1">
      <alignment horizontal="center" vertical="center"/>
    </xf>
    <xf numFmtId="0" fontId="22" fillId="2" borderId="27" xfId="0" applyFont="1" applyFill="1" applyBorder="1" applyAlignment="1">
      <alignment horizontal="center" vertical="center"/>
    </xf>
    <xf numFmtId="0" fontId="25" fillId="0" borderId="14" xfId="0" applyFont="1" applyFill="1" applyBorder="1" applyAlignment="1">
      <alignment horizontal="center" vertical="center"/>
    </xf>
    <xf numFmtId="0" fontId="22" fillId="2" borderId="20" xfId="0" applyFont="1" applyFill="1" applyBorder="1" applyAlignment="1">
      <alignment horizontal="center" vertical="center"/>
    </xf>
    <xf numFmtId="0" fontId="11" fillId="2" borderId="24" xfId="0" applyFont="1" applyFill="1" applyBorder="1" applyAlignment="1">
      <alignment horizontal="center" vertical="center"/>
    </xf>
    <xf numFmtId="0" fontId="11" fillId="2" borderId="25" xfId="0" applyFont="1" applyFill="1" applyBorder="1" applyAlignment="1">
      <alignment horizontal="center" vertical="center"/>
    </xf>
    <xf numFmtId="0" fontId="11" fillId="2" borderId="26" xfId="0" applyFont="1" applyFill="1" applyBorder="1" applyAlignment="1">
      <alignment horizontal="center" vertical="center"/>
    </xf>
    <xf numFmtId="0" fontId="0" fillId="0" borderId="0" xfId="0" applyAlignment="1">
      <alignment horizontal="center" vertical="center"/>
    </xf>
    <xf numFmtId="0" fontId="26" fillId="0" borderId="14" xfId="0" applyFont="1" applyBorder="1" applyAlignment="1">
      <alignment horizontal="left" vertical="top" wrapText="1"/>
    </xf>
    <xf numFmtId="0" fontId="2" fillId="0" borderId="1" xfId="0" applyFont="1" applyBorder="1" applyAlignment="1">
      <alignment horizontal="left" vertical="center"/>
    </xf>
    <xf numFmtId="0" fontId="2" fillId="0" borderId="14" xfId="0" applyFont="1" applyBorder="1" applyAlignment="1">
      <alignment horizontal="left" vertical="center"/>
    </xf>
    <xf numFmtId="0" fontId="2" fillId="0" borderId="20" xfId="0" applyFont="1" applyBorder="1" applyAlignment="1">
      <alignment horizontal="left" vertical="center"/>
    </xf>
    <xf numFmtId="0" fontId="2" fillId="0" borderId="22" xfId="0" applyFont="1" applyBorder="1" applyAlignment="1">
      <alignment horizontal="left" vertical="center"/>
    </xf>
    <xf numFmtId="0" fontId="2" fillId="0" borderId="23" xfId="0" applyFont="1" applyBorder="1" applyAlignment="1">
      <alignment horizontal="left" vertical="center"/>
    </xf>
    <xf numFmtId="0" fontId="11" fillId="2" borderId="1" xfId="0" applyFont="1" applyFill="1" applyBorder="1" applyAlignment="1">
      <alignment horizontal="center" vertical="center"/>
    </xf>
    <xf numFmtId="0" fontId="11" fillId="2" borderId="3" xfId="0" applyFont="1" applyFill="1" applyBorder="1" applyAlignment="1">
      <alignment horizontal="center" vertical="center"/>
    </xf>
    <xf numFmtId="0" fontId="11" fillId="2" borderId="57" xfId="0" applyFont="1" applyFill="1" applyBorder="1" applyAlignment="1">
      <alignment horizontal="center" vertical="center"/>
    </xf>
    <xf numFmtId="0" fontId="11" fillId="2" borderId="1" xfId="0" applyFont="1" applyFill="1" applyBorder="1" applyAlignment="1">
      <alignment vertical="center"/>
    </xf>
    <xf numFmtId="0" fontId="27" fillId="0" borderId="1" xfId="0" applyFont="1" applyBorder="1" applyAlignment="1">
      <alignment vertical="center"/>
    </xf>
    <xf numFmtId="0" fontId="27" fillId="0" borderId="3" xfId="0" applyFont="1" applyBorder="1" applyAlignment="1">
      <alignment vertical="center"/>
    </xf>
    <xf numFmtId="0" fontId="27" fillId="0" borderId="57" xfId="0" applyFont="1" applyBorder="1" applyAlignment="1">
      <alignment vertical="center"/>
    </xf>
    <xf numFmtId="49" fontId="0" fillId="0" borderId="1" xfId="0" applyNumberFormat="1" applyFont="1" applyBorder="1" applyAlignment="1">
      <alignment horizontal="center" vertical="center"/>
    </xf>
    <xf numFmtId="49" fontId="0" fillId="0" borderId="3" xfId="0" applyNumberFormat="1" applyFont="1" applyBorder="1" applyAlignment="1">
      <alignment horizontal="center" vertical="center"/>
    </xf>
    <xf numFmtId="0" fontId="2" fillId="0" borderId="57" xfId="0" applyFont="1" applyBorder="1" applyAlignment="1">
      <alignment vertical="center"/>
    </xf>
    <xf numFmtId="0" fontId="0" fillId="0" borderId="0" xfId="0" applyFill="1" applyAlignment="1">
      <alignment vertical="center"/>
    </xf>
    <xf numFmtId="0" fontId="29" fillId="2" borderId="1" xfId="0" applyFont="1" applyFill="1" applyBorder="1" applyAlignment="1">
      <alignment horizontal="center" vertical="center" wrapText="1"/>
    </xf>
    <xf numFmtId="0" fontId="12" fillId="2" borderId="3" xfId="0" applyFont="1" applyFill="1" applyBorder="1" applyAlignment="1">
      <alignment horizontal="center" vertical="center" wrapText="1"/>
    </xf>
    <xf numFmtId="0" fontId="11" fillId="0" borderId="1" xfId="0" applyFont="1" applyBorder="1" applyAlignment="1">
      <alignment vertical="center"/>
    </xf>
    <xf numFmtId="0" fontId="11" fillId="0" borderId="4" xfId="0" applyFont="1" applyBorder="1" applyAlignment="1">
      <alignment vertical="center"/>
    </xf>
    <xf numFmtId="0" fontId="27" fillId="0" borderId="4" xfId="0" applyFont="1" applyBorder="1" applyAlignment="1">
      <alignment vertical="center"/>
    </xf>
    <xf numFmtId="0" fontId="27" fillId="0" borderId="45" xfId="0" applyFont="1" applyBorder="1" applyAlignment="1">
      <alignment vertical="center"/>
    </xf>
    <xf numFmtId="0" fontId="27" fillId="0" borderId="58" xfId="0" applyFont="1" applyBorder="1" applyAlignment="1">
      <alignment vertical="center"/>
    </xf>
    <xf numFmtId="0" fontId="11" fillId="0" borderId="59" xfId="0" applyFont="1" applyBorder="1" applyAlignment="1">
      <alignment horizontal="center" vertical="center"/>
    </xf>
    <xf numFmtId="0" fontId="27" fillId="0" borderId="59" xfId="0" applyFont="1" applyBorder="1" applyAlignment="1">
      <alignment vertical="center"/>
    </xf>
    <xf numFmtId="0" fontId="27" fillId="0" borderId="60" xfId="0" applyFont="1" applyBorder="1" applyAlignment="1">
      <alignment vertical="center"/>
    </xf>
    <xf numFmtId="0" fontId="27" fillId="0" borderId="61" xfId="0" applyFont="1" applyBorder="1" applyAlignment="1">
      <alignment vertical="center"/>
    </xf>
    <xf numFmtId="0" fontId="0" fillId="0" borderId="32" xfId="0" applyBorder="1" applyAlignment="1">
      <alignment vertical="center"/>
    </xf>
    <xf numFmtId="0" fontId="25" fillId="0" borderId="0" xfId="3" applyFont="1">
      <alignment vertical="center"/>
    </xf>
    <xf numFmtId="0" fontId="30" fillId="0" borderId="0" xfId="3" applyFont="1">
      <alignment vertical="center"/>
    </xf>
    <xf numFmtId="0" fontId="22" fillId="2" borderId="1" xfId="3" applyFont="1" applyFill="1" applyBorder="1" applyAlignment="1">
      <alignment horizontal="center" vertical="center"/>
    </xf>
    <xf numFmtId="0" fontId="7" fillId="0" borderId="4" xfId="3" applyFont="1" applyBorder="1">
      <alignment vertical="center"/>
    </xf>
    <xf numFmtId="0" fontId="25" fillId="0" borderId="2" xfId="3" applyFont="1" applyBorder="1">
      <alignment vertical="center"/>
    </xf>
    <xf numFmtId="20" fontId="25" fillId="0" borderId="62" xfId="3" applyNumberFormat="1" applyFont="1" applyBorder="1">
      <alignment vertical="center"/>
    </xf>
    <xf numFmtId="20" fontId="25" fillId="0" borderId="2" xfId="3" applyNumberFormat="1" applyFont="1" applyBorder="1">
      <alignment vertical="center"/>
    </xf>
    <xf numFmtId="0" fontId="25" fillId="0" borderId="63" xfId="3" applyFont="1" applyBorder="1">
      <alignment vertical="center"/>
    </xf>
    <xf numFmtId="20" fontId="25" fillId="0" borderId="64" xfId="3" applyNumberFormat="1" applyFont="1" applyBorder="1">
      <alignment vertical="center"/>
    </xf>
    <xf numFmtId="0" fontId="25" fillId="0" borderId="64" xfId="3" applyFont="1" applyBorder="1">
      <alignment vertical="center"/>
    </xf>
    <xf numFmtId="0" fontId="25" fillId="0" borderId="46" xfId="3" applyFont="1" applyBorder="1">
      <alignment vertical="center"/>
    </xf>
    <xf numFmtId="0" fontId="31" fillId="0" borderId="5" xfId="3" applyFont="1" applyBorder="1">
      <alignment vertical="center"/>
    </xf>
    <xf numFmtId="0" fontId="25" fillId="0" borderId="0" xfId="3" applyFont="1" applyBorder="1">
      <alignment vertical="center"/>
    </xf>
    <xf numFmtId="20" fontId="25" fillId="0" borderId="65" xfId="3" applyNumberFormat="1" applyFont="1" applyBorder="1">
      <alignment vertical="center"/>
    </xf>
    <xf numFmtId="20" fontId="25" fillId="0" borderId="0" xfId="3" applyNumberFormat="1" applyFont="1" applyBorder="1">
      <alignment vertical="center"/>
    </xf>
    <xf numFmtId="0" fontId="25" fillId="0" borderId="66" xfId="3" applyFont="1" applyBorder="1">
      <alignment vertical="center"/>
    </xf>
    <xf numFmtId="20" fontId="25" fillId="0" borderId="67" xfId="3" applyNumberFormat="1" applyFont="1" applyBorder="1">
      <alignment vertical="center"/>
    </xf>
    <xf numFmtId="0" fontId="25" fillId="3" borderId="0" xfId="3" applyFont="1" applyFill="1" applyBorder="1">
      <alignment vertical="center"/>
    </xf>
    <xf numFmtId="20" fontId="25" fillId="3" borderId="67" xfId="3" applyNumberFormat="1" applyFont="1" applyFill="1" applyBorder="1">
      <alignment vertical="center"/>
    </xf>
    <xf numFmtId="0" fontId="25" fillId="0" borderId="67" xfId="3" applyFont="1" applyBorder="1">
      <alignment vertical="center"/>
    </xf>
    <xf numFmtId="0" fontId="25" fillId="0" borderId="30" xfId="3" applyFont="1" applyBorder="1">
      <alignment vertical="center"/>
    </xf>
    <xf numFmtId="0" fontId="31" fillId="0" borderId="7" xfId="3" applyFont="1" applyBorder="1">
      <alignment vertical="center"/>
    </xf>
    <xf numFmtId="20" fontId="25" fillId="0" borderId="31" xfId="3" applyNumberFormat="1" applyFont="1" applyBorder="1" applyAlignment="1">
      <alignment horizontal="right" vertical="center"/>
    </xf>
    <xf numFmtId="20" fontId="25" fillId="0" borderId="68" xfId="3" applyNumberFormat="1" applyFont="1" applyBorder="1" applyAlignment="1">
      <alignment horizontal="right" vertical="center"/>
    </xf>
    <xf numFmtId="0" fontId="25" fillId="0" borderId="32" xfId="3" applyFont="1" applyBorder="1">
      <alignment vertical="center"/>
    </xf>
    <xf numFmtId="0" fontId="25" fillId="0" borderId="69" xfId="3" applyFont="1" applyBorder="1">
      <alignment vertical="center"/>
    </xf>
    <xf numFmtId="0" fontId="25" fillId="0" borderId="70" xfId="3" applyFont="1" applyBorder="1">
      <alignment vertical="center"/>
    </xf>
    <xf numFmtId="20" fontId="25" fillId="0" borderId="70" xfId="3" applyNumberFormat="1" applyFont="1" applyBorder="1" applyAlignment="1">
      <alignment horizontal="left" vertical="center"/>
    </xf>
    <xf numFmtId="20" fontId="25" fillId="0" borderId="33" xfId="3" applyNumberFormat="1" applyFont="1" applyBorder="1" applyAlignment="1">
      <alignment horizontal="left" vertical="center"/>
    </xf>
    <xf numFmtId="0" fontId="22" fillId="0" borderId="5" xfId="3" applyFont="1" applyBorder="1">
      <alignment vertical="center"/>
    </xf>
    <xf numFmtId="0" fontId="25" fillId="0" borderId="65" xfId="3" applyFont="1" applyBorder="1">
      <alignment vertical="center"/>
    </xf>
    <xf numFmtId="0" fontId="32" fillId="0" borderId="5" xfId="3" applyFont="1" applyBorder="1" applyAlignment="1">
      <alignment vertical="center" shrinkToFit="1"/>
    </xf>
    <xf numFmtId="0" fontId="32" fillId="0" borderId="7" xfId="3" applyFont="1" applyBorder="1" applyAlignment="1">
      <alignment vertical="center" shrinkToFit="1"/>
    </xf>
    <xf numFmtId="0" fontId="25" fillId="0" borderId="68" xfId="3" applyFont="1" applyBorder="1">
      <alignment vertical="center"/>
    </xf>
    <xf numFmtId="0" fontId="25" fillId="0" borderId="33" xfId="3" applyFont="1" applyBorder="1">
      <alignment vertical="center"/>
    </xf>
    <xf numFmtId="0" fontId="22" fillId="0" borderId="0" xfId="3" applyFont="1">
      <alignment vertical="center"/>
    </xf>
    <xf numFmtId="0" fontId="28" fillId="0" borderId="0" xfId="0" applyFont="1" applyFill="1" applyAlignment="1">
      <alignment vertical="center"/>
    </xf>
    <xf numFmtId="0" fontId="33" fillId="0" borderId="0" xfId="0" applyFont="1" applyAlignment="1">
      <alignment vertical="center"/>
    </xf>
    <xf numFmtId="0" fontId="11" fillId="2" borderId="1" xfId="0" applyFont="1" applyFill="1" applyBorder="1" applyAlignment="1">
      <alignment horizontal="center" vertical="center" wrapText="1"/>
    </xf>
    <xf numFmtId="0" fontId="27" fillId="0" borderId="18" xfId="0" applyFont="1" applyFill="1" applyBorder="1" applyAlignment="1">
      <alignment vertical="center"/>
    </xf>
    <xf numFmtId="0" fontId="0" fillId="0" borderId="17" xfId="0" applyFill="1" applyBorder="1" applyAlignment="1">
      <alignment vertical="center"/>
    </xf>
    <xf numFmtId="0" fontId="11" fillId="0" borderId="17" xfId="0" applyFont="1" applyFill="1" applyBorder="1" applyAlignment="1">
      <alignment vertical="center"/>
    </xf>
    <xf numFmtId="0" fontId="11" fillId="0" borderId="17" xfId="0" applyFont="1" applyBorder="1" applyAlignment="1">
      <alignment vertical="center"/>
    </xf>
    <xf numFmtId="0" fontId="27" fillId="0" borderId="0" xfId="0" applyFont="1" applyBorder="1" applyAlignment="1">
      <alignment vertical="center"/>
    </xf>
    <xf numFmtId="0" fontId="27" fillId="0" borderId="30" xfId="0" applyFont="1" applyBorder="1" applyAlignment="1">
      <alignment vertical="center"/>
    </xf>
    <xf numFmtId="0" fontId="27" fillId="0" borderId="32" xfId="0" applyFont="1" applyBorder="1" applyAlignment="1">
      <alignment vertical="center"/>
    </xf>
    <xf numFmtId="0" fontId="27" fillId="0" borderId="33" xfId="0" applyFont="1" applyBorder="1" applyAlignment="1">
      <alignment vertical="center"/>
    </xf>
    <xf numFmtId="0" fontId="27" fillId="0" borderId="17" xfId="0" applyFont="1" applyBorder="1" applyAlignment="1">
      <alignment vertical="center"/>
    </xf>
    <xf numFmtId="0" fontId="27" fillId="0" borderId="18" xfId="0" applyFont="1" applyBorder="1" applyAlignment="1">
      <alignment vertical="center"/>
    </xf>
    <xf numFmtId="0" fontId="11" fillId="2" borderId="1" xfId="0" applyFont="1" applyFill="1" applyBorder="1" applyAlignment="1">
      <alignment vertical="center" shrinkToFit="1"/>
    </xf>
    <xf numFmtId="0" fontId="27" fillId="0" borderId="1" xfId="0" applyFont="1" applyFill="1" applyBorder="1" applyAlignment="1">
      <alignment horizontal="center" vertical="center"/>
    </xf>
    <xf numFmtId="0" fontId="27" fillId="0" borderId="1" xfId="0" applyFont="1" applyFill="1" applyBorder="1" applyAlignment="1">
      <alignment vertical="center"/>
    </xf>
    <xf numFmtId="0" fontId="27" fillId="0" borderId="2" xfId="0" applyFont="1" applyBorder="1" applyAlignment="1">
      <alignment vertical="center"/>
    </xf>
    <xf numFmtId="0" fontId="11" fillId="0" borderId="46" xfId="0" applyFont="1" applyBorder="1" applyAlignment="1">
      <alignment vertical="center"/>
    </xf>
    <xf numFmtId="0" fontId="11" fillId="0" borderId="30" xfId="0" applyFont="1" applyBorder="1" applyAlignment="1">
      <alignment vertical="center"/>
    </xf>
    <xf numFmtId="0" fontId="27" fillId="0" borderId="2" xfId="0" applyFont="1" applyFill="1" applyBorder="1" applyAlignment="1">
      <alignment vertical="center"/>
    </xf>
    <xf numFmtId="0" fontId="33" fillId="0" borderId="17" xfId="0" applyFont="1" applyFill="1" applyBorder="1" applyAlignment="1">
      <alignment vertical="center"/>
    </xf>
    <xf numFmtId="0" fontId="11" fillId="0" borderId="2" xfId="0" applyFont="1" applyFill="1" applyBorder="1" applyAlignment="1">
      <alignment vertical="center"/>
    </xf>
    <xf numFmtId="0" fontId="11" fillId="0" borderId="2" xfId="0" applyFont="1" applyBorder="1" applyAlignment="1">
      <alignment vertical="center"/>
    </xf>
    <xf numFmtId="0" fontId="0" fillId="0" borderId="17" xfId="0" applyFont="1" applyFill="1" applyBorder="1" applyAlignment="1">
      <alignment vertical="center"/>
    </xf>
    <xf numFmtId="0" fontId="27" fillId="0" borderId="17" xfId="0" applyFont="1" applyBorder="1" applyAlignment="1">
      <alignment horizontal="center" vertical="center"/>
    </xf>
    <xf numFmtId="176" fontId="27" fillId="0" borderId="1" xfId="0" applyNumberFormat="1" applyFont="1" applyBorder="1" applyAlignment="1">
      <alignment vertical="center"/>
    </xf>
    <xf numFmtId="177" fontId="11" fillId="0" borderId="1" xfId="0" applyNumberFormat="1" applyFont="1" applyBorder="1" applyAlignment="1">
      <alignment vertical="center"/>
    </xf>
    <xf numFmtId="177" fontId="27" fillId="0" borderId="1" xfId="0" applyNumberFormat="1" applyFont="1" applyBorder="1" applyAlignment="1">
      <alignment vertical="center"/>
    </xf>
    <xf numFmtId="0" fontId="11" fillId="0" borderId="71" xfId="0" applyFont="1" applyBorder="1" applyAlignment="1">
      <alignment vertical="center"/>
    </xf>
    <xf numFmtId="176" fontId="27" fillId="0" borderId="4" xfId="0" applyNumberFormat="1" applyFont="1" applyBorder="1" applyAlignment="1">
      <alignment vertical="center"/>
    </xf>
    <xf numFmtId="176" fontId="27" fillId="0" borderId="59" xfId="0" applyNumberFormat="1" applyFont="1" applyBorder="1" applyAlignment="1">
      <alignment vertical="center"/>
    </xf>
    <xf numFmtId="0" fontId="0" fillId="0" borderId="17" xfId="0" applyFont="1" applyFill="1" applyBorder="1" applyAlignment="1">
      <alignment horizontal="center" vertical="center"/>
    </xf>
    <xf numFmtId="0" fontId="11" fillId="0" borderId="17" xfId="0" applyFont="1" applyFill="1" applyBorder="1" applyAlignment="1">
      <alignment horizontal="center" vertical="center"/>
    </xf>
    <xf numFmtId="0" fontId="27" fillId="0" borderId="1" xfId="0" applyFont="1" applyBorder="1" applyAlignment="1">
      <alignment horizontal="right" vertical="center"/>
    </xf>
    <xf numFmtId="0" fontId="0" fillId="0" borderId="17" xfId="0" applyFont="1" applyFill="1" applyBorder="1" applyAlignment="1">
      <alignment vertical="center" wrapText="1"/>
    </xf>
    <xf numFmtId="0" fontId="11" fillId="0" borderId="17" xfId="0" applyFont="1" applyFill="1" applyBorder="1" applyAlignment="1">
      <alignment vertical="center" wrapText="1"/>
    </xf>
    <xf numFmtId="0" fontId="11" fillId="2" borderId="1" xfId="0" applyFont="1" applyFill="1" applyBorder="1" applyAlignment="1">
      <alignment horizontal="center" vertical="center" shrinkToFit="1"/>
    </xf>
    <xf numFmtId="0" fontId="0" fillId="0" borderId="17" xfId="0" applyFont="1" applyFill="1" applyBorder="1" applyAlignment="1">
      <alignment horizontal="center" vertical="center" shrinkToFit="1"/>
    </xf>
    <xf numFmtId="0" fontId="2" fillId="0" borderId="17" xfId="0" applyFont="1" applyFill="1" applyBorder="1" applyAlignment="1">
      <alignment horizontal="left" vertical="center" wrapText="1"/>
    </xf>
    <xf numFmtId="0" fontId="11" fillId="0" borderId="17" xfId="0" applyFont="1" applyFill="1" applyBorder="1" applyAlignment="1">
      <alignment vertical="center" shrinkToFit="1"/>
    </xf>
    <xf numFmtId="0" fontId="11" fillId="0" borderId="0" xfId="0" applyFont="1" applyFill="1" applyAlignment="1">
      <alignment vertical="center"/>
    </xf>
    <xf numFmtId="0" fontId="11" fillId="2" borderId="3" xfId="0" applyFont="1" applyFill="1" applyBorder="1" applyAlignment="1">
      <alignment vertical="center"/>
    </xf>
    <xf numFmtId="0" fontId="11" fillId="2" borderId="17" xfId="0" applyFont="1" applyFill="1" applyBorder="1" applyAlignment="1">
      <alignment vertical="center"/>
    </xf>
    <xf numFmtId="0" fontId="0" fillId="0" borderId="17" xfId="0" applyFont="1" applyFill="1" applyBorder="1" applyAlignment="1">
      <alignment horizontal="left" vertical="center"/>
    </xf>
    <xf numFmtId="0" fontId="11" fillId="0" borderId="17" xfId="0" applyFont="1" applyFill="1" applyBorder="1" applyAlignment="1">
      <alignment horizontal="left" vertical="center"/>
    </xf>
    <xf numFmtId="0" fontId="27" fillId="0" borderId="17" xfId="0" applyFont="1" applyFill="1" applyBorder="1" applyAlignment="1">
      <alignment horizontal="left" vertical="center"/>
    </xf>
    <xf numFmtId="0" fontId="11" fillId="0" borderId="5" xfId="0" applyFont="1" applyBorder="1" applyAlignment="1">
      <alignment vertical="center"/>
    </xf>
    <xf numFmtId="0" fontId="11" fillId="0" borderId="7" xfId="0" applyFont="1" applyBorder="1" applyAlignment="1">
      <alignment vertical="center"/>
    </xf>
    <xf numFmtId="0" fontId="11" fillId="0" borderId="3" xfId="0" applyFont="1" applyBorder="1" applyAlignment="1">
      <alignment vertical="center"/>
    </xf>
    <xf numFmtId="0" fontId="11" fillId="0" borderId="18" xfId="0" applyFont="1" applyBorder="1" applyAlignment="1">
      <alignment vertical="center"/>
    </xf>
    <xf numFmtId="0" fontId="0" fillId="0" borderId="18" xfId="0" applyBorder="1" applyAlignment="1">
      <alignment vertical="center"/>
    </xf>
    <xf numFmtId="0" fontId="11" fillId="0" borderId="45" xfId="0" applyFont="1" applyBorder="1" applyAlignment="1">
      <alignment vertical="center"/>
    </xf>
    <xf numFmtId="0" fontId="0" fillId="0" borderId="46" xfId="0" applyBorder="1" applyAlignment="1">
      <alignment vertical="center"/>
    </xf>
    <xf numFmtId="38" fontId="27" fillId="0" borderId="1" xfId="6" applyFont="1" applyBorder="1" applyAlignment="1">
      <alignment vertical="center"/>
    </xf>
    <xf numFmtId="38" fontId="27" fillId="0" borderId="4" xfId="6" applyFont="1" applyBorder="1" applyAlignment="1">
      <alignment vertical="center"/>
    </xf>
    <xf numFmtId="0" fontId="0" fillId="0" borderId="59" xfId="0" applyBorder="1" applyAlignment="1">
      <alignment horizontal="center" vertical="center"/>
    </xf>
    <xf numFmtId="38" fontId="27" fillId="0" borderId="59" xfId="6" applyFont="1" applyBorder="1" applyAlignment="1">
      <alignment vertical="center"/>
    </xf>
    <xf numFmtId="0" fontId="27" fillId="0" borderId="0" xfId="0" applyFont="1" applyAlignment="1">
      <alignment vertical="center"/>
    </xf>
    <xf numFmtId="0" fontId="9" fillId="0" borderId="0" xfId="0" applyFont="1" applyFill="1" applyAlignment="1">
      <alignment vertical="center"/>
    </xf>
    <xf numFmtId="0" fontId="11" fillId="0" borderId="6" xfId="0" applyFont="1" applyFill="1" applyBorder="1" applyAlignment="1">
      <alignment vertical="center"/>
    </xf>
    <xf numFmtId="0" fontId="27" fillId="0" borderId="1" xfId="0" applyFont="1" applyBorder="1" applyAlignment="1">
      <alignment horizontal="center" vertical="center"/>
    </xf>
    <xf numFmtId="38" fontId="27" fillId="0" borderId="1" xfId="6" applyFont="1" applyBorder="1" applyAlignment="1">
      <alignment horizontal="center" vertical="center" shrinkToFit="1"/>
    </xf>
    <xf numFmtId="0" fontId="0" fillId="0" borderId="6" xfId="0" applyBorder="1" applyAlignment="1">
      <alignment vertical="center"/>
    </xf>
    <xf numFmtId="0" fontId="11" fillId="0" borderId="1" xfId="0" applyFont="1" applyFill="1" applyBorder="1" applyAlignment="1">
      <alignment vertical="center"/>
    </xf>
    <xf numFmtId="38" fontId="27" fillId="0" borderId="1" xfId="6" applyFont="1" applyBorder="1" applyAlignment="1">
      <alignment horizontal="right" vertical="center"/>
    </xf>
    <xf numFmtId="0" fontId="11" fillId="2" borderId="78" xfId="0" applyFont="1" applyFill="1" applyBorder="1" applyAlignment="1">
      <alignment horizontal="center" vertical="center"/>
    </xf>
    <xf numFmtId="0" fontId="11" fillId="2" borderId="18" xfId="0" applyFont="1" applyFill="1" applyBorder="1" applyAlignment="1">
      <alignment horizontal="center" vertical="center"/>
    </xf>
    <xf numFmtId="0" fontId="11" fillId="0" borderId="14" xfId="0" applyFont="1" applyBorder="1" applyAlignment="1">
      <alignment horizontal="center" vertical="center"/>
    </xf>
    <xf numFmtId="38" fontId="27" fillId="0" borderId="78" xfId="6" applyFont="1" applyBorder="1" applyAlignment="1">
      <alignment horizontal="right" vertical="center"/>
    </xf>
    <xf numFmtId="38" fontId="27" fillId="0" borderId="18" xfId="6" applyFont="1" applyBorder="1" applyAlignment="1">
      <alignment horizontal="right" vertical="center"/>
    </xf>
    <xf numFmtId="38" fontId="27" fillId="0" borderId="15" xfId="6" applyFont="1" applyBorder="1" applyAlignment="1">
      <alignment horizontal="right" vertical="center"/>
    </xf>
    <xf numFmtId="0" fontId="11" fillId="0" borderId="27" xfId="0" applyFont="1" applyBorder="1" applyAlignment="1">
      <alignment horizontal="center" vertical="center"/>
    </xf>
    <xf numFmtId="38" fontId="27" fillId="0" borderId="80" xfId="6" applyFont="1" applyBorder="1" applyAlignment="1">
      <alignment horizontal="right" vertical="center"/>
    </xf>
    <xf numFmtId="38" fontId="27" fillId="0" borderId="46" xfId="6" applyFont="1" applyBorder="1" applyAlignment="1">
      <alignment horizontal="right" vertical="center"/>
    </xf>
    <xf numFmtId="38" fontId="27" fillId="0" borderId="4" xfId="6" applyFont="1" applyBorder="1" applyAlignment="1">
      <alignment horizontal="right" vertical="center"/>
    </xf>
    <xf numFmtId="38" fontId="27" fillId="0" borderId="28" xfId="6" applyFont="1" applyBorder="1" applyAlignment="1">
      <alignment horizontal="right" vertical="center"/>
    </xf>
    <xf numFmtId="0" fontId="11" fillId="0" borderId="81" xfId="0" applyFont="1" applyBorder="1" applyAlignment="1">
      <alignment horizontal="center" vertical="center"/>
    </xf>
    <xf numFmtId="0" fontId="27" fillId="0" borderId="82" xfId="0" applyFont="1" applyBorder="1" applyAlignment="1">
      <alignment horizontal="right" vertical="center"/>
    </xf>
    <xf numFmtId="0" fontId="27" fillId="0" borderId="83" xfId="0" applyFont="1" applyBorder="1" applyAlignment="1">
      <alignment horizontal="right" vertical="center"/>
    </xf>
    <xf numFmtId="0" fontId="27" fillId="0" borderId="84" xfId="0" applyFont="1" applyBorder="1" applyAlignment="1">
      <alignment horizontal="right" vertical="center"/>
    </xf>
    <xf numFmtId="0" fontId="27" fillId="0" borderId="85" xfId="0" applyFont="1" applyBorder="1" applyAlignment="1">
      <alignment horizontal="right" vertical="center"/>
    </xf>
    <xf numFmtId="0" fontId="0" fillId="0" borderId="2" xfId="0" applyBorder="1" applyAlignment="1">
      <alignment vertical="center"/>
    </xf>
    <xf numFmtId="0" fontId="11" fillId="0" borderId="6" xfId="0" applyFont="1" applyBorder="1" applyAlignment="1">
      <alignment vertical="center"/>
    </xf>
    <xf numFmtId="0" fontId="0" fillId="0" borderId="0" xfId="0" applyBorder="1" applyAlignment="1">
      <alignment vertical="center"/>
    </xf>
    <xf numFmtId="0" fontId="0" fillId="0" borderId="30" xfId="0" applyBorder="1" applyAlignment="1">
      <alignment vertical="center"/>
    </xf>
    <xf numFmtId="0" fontId="11" fillId="0" borderId="0" xfId="0" applyFont="1" applyBorder="1" applyAlignment="1">
      <alignment vertical="center"/>
    </xf>
    <xf numFmtId="0" fontId="11" fillId="0" borderId="45" xfId="0" applyFont="1" applyFill="1" applyBorder="1" applyAlignment="1">
      <alignment vertical="center"/>
    </xf>
    <xf numFmtId="0" fontId="27" fillId="0" borderId="46" xfId="0" applyFont="1" applyBorder="1" applyAlignment="1">
      <alignment vertical="center"/>
    </xf>
    <xf numFmtId="0" fontId="11" fillId="0" borderId="3" xfId="0" applyFont="1" applyFill="1" applyBorder="1" applyAlignment="1">
      <alignment vertical="center"/>
    </xf>
    <xf numFmtId="0" fontId="21" fillId="0" borderId="32" xfId="0" applyFont="1" applyBorder="1" applyAlignment="1">
      <alignment vertical="center"/>
    </xf>
    <xf numFmtId="0" fontId="11" fillId="0" borderId="4" xfId="0" applyFont="1" applyFill="1" applyBorder="1" applyAlignment="1">
      <alignment vertical="center"/>
    </xf>
    <xf numFmtId="0" fontId="11" fillId="0" borderId="7" xfId="0" applyFont="1" applyFill="1" applyBorder="1" applyAlignment="1">
      <alignment vertical="center"/>
    </xf>
    <xf numFmtId="0" fontId="21" fillId="0" borderId="6" xfId="0" applyFont="1" applyBorder="1" applyAlignment="1">
      <alignment vertical="center"/>
    </xf>
    <xf numFmtId="0" fontId="27" fillId="0" borderId="32" xfId="0" applyFont="1" applyBorder="1" applyAlignment="1">
      <alignment horizontal="left" vertical="top" wrapText="1"/>
    </xf>
    <xf numFmtId="0" fontId="0" fillId="0" borderId="17" xfId="0" applyBorder="1" applyAlignment="1">
      <alignment vertical="center"/>
    </xf>
    <xf numFmtId="0" fontId="33" fillId="0" borderId="32" xfId="0" applyFont="1" applyBorder="1" applyAlignment="1">
      <alignment vertical="center"/>
    </xf>
    <xf numFmtId="0" fontId="0" fillId="0" borderId="0" xfId="0" applyAlignment="1">
      <alignment vertical="center"/>
    </xf>
    <xf numFmtId="0" fontId="11" fillId="0" borderId="31" xfId="0" applyFont="1" applyBorder="1" applyAlignment="1">
      <alignment vertical="center"/>
    </xf>
    <xf numFmtId="0" fontId="15" fillId="2" borderId="1" xfId="0" applyFont="1" applyFill="1" applyBorder="1" applyAlignment="1">
      <alignment horizontal="center" vertical="center" wrapText="1"/>
    </xf>
    <xf numFmtId="0" fontId="16" fillId="0" borderId="1" xfId="0" applyFont="1" applyBorder="1" applyAlignment="1">
      <alignment horizontal="center" vertical="center" wrapText="1"/>
    </xf>
    <xf numFmtId="0" fontId="16" fillId="0" borderId="4" xfId="0" applyFont="1" applyBorder="1" applyAlignment="1">
      <alignment horizontal="center" vertical="center" wrapText="1"/>
    </xf>
    <xf numFmtId="0" fontId="16" fillId="0" borderId="84" xfId="0" applyFont="1" applyBorder="1" applyAlignment="1">
      <alignment horizontal="center" vertical="center" wrapText="1"/>
    </xf>
    <xf numFmtId="0" fontId="16" fillId="0" borderId="84" xfId="0" applyFont="1" applyBorder="1" applyAlignment="1">
      <alignment horizontal="justify" vertical="center" wrapText="1"/>
    </xf>
    <xf numFmtId="38" fontId="39" fillId="0" borderId="0" xfId="7" applyFont="1" applyAlignment="1">
      <alignment vertical="center"/>
    </xf>
    <xf numFmtId="38" fontId="41" fillId="0" borderId="0" xfId="7" applyFont="1">
      <alignment vertical="center"/>
    </xf>
    <xf numFmtId="0" fontId="41" fillId="0" borderId="0" xfId="0" applyFont="1" applyAlignment="1">
      <alignment vertical="center"/>
    </xf>
    <xf numFmtId="38" fontId="41" fillId="0" borderId="0" xfId="7" applyFont="1" applyAlignment="1">
      <alignment horizontal="right" vertical="center"/>
    </xf>
    <xf numFmtId="38" fontId="41" fillId="0" borderId="87" xfId="7" applyFont="1" applyFill="1" applyBorder="1" applyAlignment="1">
      <alignment horizontal="center" vertical="center"/>
    </xf>
    <xf numFmtId="38" fontId="41" fillId="0" borderId="88" xfId="7" applyFont="1" applyBorder="1" applyAlignment="1">
      <alignment horizontal="center" vertical="center"/>
    </xf>
    <xf numFmtId="38" fontId="42" fillId="0" borderId="89" xfId="7" applyFont="1" applyBorder="1" applyAlignment="1">
      <alignment vertical="top"/>
    </xf>
    <xf numFmtId="38" fontId="42" fillId="0" borderId="5" xfId="7" applyFont="1" applyBorder="1" applyAlignment="1">
      <alignment vertical="top"/>
    </xf>
    <xf numFmtId="38" fontId="42" fillId="0" borderId="7" xfId="7" applyFont="1" applyBorder="1">
      <alignment vertical="center"/>
    </xf>
    <xf numFmtId="38" fontId="41" fillId="0" borderId="31" xfId="7" applyFont="1" applyFill="1" applyBorder="1">
      <alignment vertical="center"/>
    </xf>
    <xf numFmtId="38" fontId="41" fillId="0" borderId="90" xfId="7" applyFont="1" applyBorder="1">
      <alignment vertical="center"/>
    </xf>
    <xf numFmtId="38" fontId="43" fillId="0" borderId="7" xfId="7" applyFont="1" applyBorder="1" applyAlignment="1">
      <alignment vertical="top"/>
    </xf>
    <xf numFmtId="38" fontId="41" fillId="0" borderId="79" xfId="7" applyFont="1" applyBorder="1">
      <alignment vertical="center"/>
    </xf>
    <xf numFmtId="38" fontId="42" fillId="0" borderId="3" xfId="7" applyFont="1" applyBorder="1" applyAlignment="1">
      <alignment vertical="top"/>
    </xf>
    <xf numFmtId="38" fontId="42" fillId="0" borderId="18" xfId="7" applyFont="1" applyBorder="1">
      <alignment vertical="center"/>
    </xf>
    <xf numFmtId="38" fontId="41" fillId="0" borderId="3" xfId="7" applyFont="1" applyFill="1" applyBorder="1">
      <alignment vertical="center"/>
    </xf>
    <xf numFmtId="38" fontId="41" fillId="0" borderId="15" xfId="7" applyFont="1" applyBorder="1">
      <alignment vertical="center"/>
    </xf>
    <xf numFmtId="38" fontId="42" fillId="0" borderId="7" xfId="7" applyFont="1" applyBorder="1" applyAlignment="1">
      <alignment vertical="top"/>
    </xf>
    <xf numFmtId="38" fontId="42" fillId="0" borderId="1" xfId="7" applyFont="1" applyBorder="1">
      <alignment vertical="center"/>
    </xf>
    <xf numFmtId="38" fontId="41" fillId="0" borderId="3" xfId="7" applyFont="1" applyBorder="1" applyAlignment="1">
      <alignment vertical="top"/>
    </xf>
    <xf numFmtId="38" fontId="41" fillId="0" borderId="17" xfId="7" applyFont="1" applyBorder="1" applyAlignment="1">
      <alignment vertical="top"/>
    </xf>
    <xf numFmtId="38" fontId="41" fillId="0" borderId="18" xfId="7" applyFont="1" applyBorder="1">
      <alignment vertical="center"/>
    </xf>
    <xf numFmtId="38" fontId="41" fillId="0" borderId="1" xfId="7" applyFont="1" applyBorder="1" applyAlignment="1">
      <alignment vertical="top"/>
    </xf>
    <xf numFmtId="38" fontId="41" fillId="0" borderId="3" xfId="7" applyFont="1" applyBorder="1">
      <alignment vertical="center"/>
    </xf>
    <xf numFmtId="38" fontId="41" fillId="4" borderId="3" xfId="7" applyFont="1" applyFill="1" applyBorder="1">
      <alignment vertical="center"/>
    </xf>
    <xf numFmtId="38" fontId="41" fillId="0" borderId="4" xfId="7" applyFont="1" applyBorder="1" applyAlignment="1">
      <alignment vertical="top"/>
    </xf>
    <xf numFmtId="38" fontId="41" fillId="0" borderId="5" xfId="7" applyFont="1" applyBorder="1" applyAlignment="1">
      <alignment vertical="top"/>
    </xf>
    <xf numFmtId="38" fontId="41" fillId="0" borderId="7" xfId="7" applyFont="1" applyBorder="1" applyAlignment="1">
      <alignment vertical="top"/>
    </xf>
    <xf numFmtId="38" fontId="44" fillId="0" borderId="3" xfId="7" applyFont="1" applyFill="1" applyBorder="1">
      <alignment vertical="center"/>
    </xf>
    <xf numFmtId="38" fontId="41" fillId="0" borderId="3" xfId="7" applyFont="1" applyBorder="1" applyAlignment="1">
      <alignment horizontal="left" vertical="center"/>
    </xf>
    <xf numFmtId="38" fontId="41" fillId="0" borderId="18" xfId="7" applyFont="1" applyBorder="1" applyAlignment="1">
      <alignment horizontal="left" vertical="center"/>
    </xf>
    <xf numFmtId="38" fontId="44" fillId="0" borderId="45" xfId="7" applyFont="1" applyFill="1" applyBorder="1">
      <alignment vertical="center"/>
    </xf>
    <xf numFmtId="38" fontId="41" fillId="4" borderId="45" xfId="7" applyFont="1" applyFill="1" applyBorder="1">
      <alignment vertical="center"/>
    </xf>
    <xf numFmtId="38" fontId="41" fillId="4" borderId="95" xfId="7" applyFont="1" applyFill="1" applyBorder="1">
      <alignment vertical="center"/>
    </xf>
    <xf numFmtId="38" fontId="41" fillId="0" borderId="7" xfId="7" applyFont="1" applyBorder="1">
      <alignment vertical="center"/>
    </xf>
    <xf numFmtId="38" fontId="41" fillId="4" borderId="3" xfId="7" applyFont="1" applyFill="1" applyBorder="1" applyAlignment="1">
      <alignment vertical="center"/>
    </xf>
    <xf numFmtId="38" fontId="41" fillId="0" borderId="1" xfId="7" applyFont="1" applyFill="1" applyBorder="1" applyAlignment="1">
      <alignment vertical="top" shrinkToFit="1"/>
    </xf>
    <xf numFmtId="38" fontId="41" fillId="0" borderId="1" xfId="7" applyFont="1" applyFill="1" applyBorder="1">
      <alignment vertical="center"/>
    </xf>
    <xf numFmtId="38" fontId="41" fillId="0" borderId="4" xfId="7" applyFont="1" applyBorder="1">
      <alignment vertical="center"/>
    </xf>
    <xf numFmtId="38" fontId="41" fillId="0" borderId="45" xfId="7" applyFont="1" applyFill="1" applyBorder="1">
      <alignment vertical="center"/>
    </xf>
    <xf numFmtId="38" fontId="41" fillId="4" borderId="45" xfId="7" applyFont="1" applyFill="1" applyBorder="1" applyAlignment="1">
      <alignment vertical="center"/>
    </xf>
    <xf numFmtId="38" fontId="41" fillId="4" borderId="97" xfId="7" applyFont="1" applyFill="1" applyBorder="1" applyAlignment="1">
      <alignment vertical="center"/>
    </xf>
    <xf numFmtId="38" fontId="41" fillId="0" borderId="25" xfId="7" applyFont="1" applyBorder="1" applyAlignment="1">
      <alignment vertical="center"/>
    </xf>
    <xf numFmtId="38" fontId="41" fillId="0" borderId="38" xfId="7" applyFont="1" applyBorder="1" applyAlignment="1">
      <alignment vertical="center"/>
    </xf>
    <xf numFmtId="38" fontId="41" fillId="0" borderId="1" xfId="7" applyFont="1" applyBorder="1" applyAlignment="1">
      <alignment vertical="center"/>
    </xf>
    <xf numFmtId="38" fontId="41" fillId="0" borderId="3" xfId="7" applyFont="1" applyBorder="1" applyAlignment="1">
      <alignment vertical="center"/>
    </xf>
    <xf numFmtId="38" fontId="41" fillId="0" borderId="95" xfId="7" applyFont="1" applyFill="1" applyBorder="1">
      <alignment vertical="center"/>
    </xf>
    <xf numFmtId="38" fontId="41" fillId="4" borderId="6" xfId="7" applyFont="1" applyFill="1" applyBorder="1" applyAlignment="1">
      <alignment vertical="center"/>
    </xf>
    <xf numFmtId="38" fontId="41" fillId="0" borderId="23" xfId="7" applyFont="1" applyBorder="1">
      <alignment vertical="center"/>
    </xf>
    <xf numFmtId="38" fontId="41" fillId="0" borderId="0" xfId="7" applyFont="1" applyFill="1">
      <alignment vertical="center"/>
    </xf>
    <xf numFmtId="38" fontId="1" fillId="0" borderId="0" xfId="7" applyFont="1">
      <alignment vertical="center"/>
    </xf>
    <xf numFmtId="0" fontId="13" fillId="0" borderId="0" xfId="0" applyFont="1" applyAlignment="1">
      <alignment horizontal="center" vertical="center"/>
    </xf>
    <xf numFmtId="0" fontId="2" fillId="0" borderId="0" xfId="0" applyFont="1" applyAlignment="1">
      <alignment vertical="center" wrapText="1"/>
    </xf>
    <xf numFmtId="0" fontId="0" fillId="0" borderId="0" xfId="0" applyAlignment="1">
      <alignment vertical="center"/>
    </xf>
    <xf numFmtId="0" fontId="2" fillId="0" borderId="0" xfId="0" applyFont="1" applyAlignment="1">
      <alignment horizontal="left" vertical="top" wrapText="1"/>
    </xf>
    <xf numFmtId="0" fontId="2" fillId="0" borderId="0" xfId="0" applyFont="1" applyAlignment="1">
      <alignment horizontal="center" vertical="center"/>
    </xf>
    <xf numFmtId="0" fontId="4" fillId="0" borderId="0" xfId="0" applyFont="1" applyAlignment="1">
      <alignment horizontal="center" vertical="center" wrapText="1"/>
    </xf>
    <xf numFmtId="0" fontId="2" fillId="0" borderId="0" xfId="0" applyFont="1" applyAlignment="1">
      <alignment horizontal="center"/>
    </xf>
    <xf numFmtId="0" fontId="2" fillId="0" borderId="0" xfId="0" applyFont="1" applyAlignment="1">
      <alignment horizontal="left" vertical="top"/>
    </xf>
    <xf numFmtId="0" fontId="15" fillId="2" borderId="14" xfId="0" applyFont="1" applyFill="1" applyBorder="1" applyAlignment="1">
      <alignment horizontal="center" vertical="center"/>
    </xf>
    <xf numFmtId="0" fontId="15" fillId="2" borderId="1" xfId="0" applyFont="1" applyFill="1" applyBorder="1" applyAlignment="1">
      <alignment horizontal="center" vertical="center"/>
    </xf>
    <xf numFmtId="0" fontId="2" fillId="0" borderId="1" xfId="0" applyFont="1" applyBorder="1" applyAlignment="1">
      <alignment horizontal="left" vertical="center"/>
    </xf>
    <xf numFmtId="0" fontId="2" fillId="0" borderId="15" xfId="0" applyFont="1" applyBorder="1" applyAlignment="1">
      <alignment horizontal="left" vertical="center"/>
    </xf>
    <xf numFmtId="0" fontId="8" fillId="0" borderId="0" xfId="0" applyFont="1" applyAlignment="1">
      <alignment horizontal="center" vertical="center"/>
    </xf>
    <xf numFmtId="0" fontId="15" fillId="2" borderId="8" xfId="0" applyFont="1" applyFill="1" applyBorder="1" applyAlignment="1">
      <alignment horizontal="center" vertical="center"/>
    </xf>
    <xf numFmtId="0" fontId="15" fillId="2" borderId="9" xfId="0" applyFont="1" applyFill="1" applyBorder="1" applyAlignment="1">
      <alignment horizontal="center" vertical="center"/>
    </xf>
    <xf numFmtId="0" fontId="2" fillId="0" borderId="9" xfId="0" applyFont="1" applyBorder="1" applyAlignment="1">
      <alignment horizontal="left" vertical="center"/>
    </xf>
    <xf numFmtId="0" fontId="2" fillId="0" borderId="10" xfId="0" applyFont="1" applyBorder="1" applyAlignment="1">
      <alignment horizontal="left" vertical="center"/>
    </xf>
    <xf numFmtId="0" fontId="15" fillId="2" borderId="11" xfId="0" applyFont="1" applyFill="1" applyBorder="1" applyAlignment="1">
      <alignment horizontal="center" vertical="center"/>
    </xf>
    <xf numFmtId="0" fontId="15" fillId="2" borderId="12" xfId="0" applyFont="1" applyFill="1" applyBorder="1" applyAlignment="1">
      <alignment horizontal="center" vertical="center"/>
    </xf>
    <xf numFmtId="0" fontId="2" fillId="0" borderId="12" xfId="0" applyFont="1" applyBorder="1" applyAlignment="1">
      <alignment horizontal="left" vertical="center"/>
    </xf>
    <xf numFmtId="0" fontId="2" fillId="0" borderId="13" xfId="0" applyFont="1" applyBorder="1" applyAlignment="1">
      <alignment horizontal="left" vertical="center"/>
    </xf>
    <xf numFmtId="0" fontId="16" fillId="0" borderId="1" xfId="0" applyFont="1" applyBorder="1" applyAlignment="1">
      <alignment horizontal="left" vertical="center" wrapText="1"/>
    </xf>
    <xf numFmtId="0" fontId="16" fillId="0" borderId="15" xfId="0" applyFont="1" applyBorder="1" applyAlignment="1">
      <alignment horizontal="left" vertical="center" wrapText="1"/>
    </xf>
    <xf numFmtId="0" fontId="15" fillId="2" borderId="16" xfId="0" applyFont="1" applyFill="1" applyBorder="1" applyAlignment="1">
      <alignment horizontal="center" vertical="center" wrapText="1"/>
    </xf>
    <xf numFmtId="0" fontId="15" fillId="2" borderId="17" xfId="0" applyFont="1" applyFill="1" applyBorder="1" applyAlignment="1">
      <alignment horizontal="center" vertical="center" wrapText="1"/>
    </xf>
    <xf numFmtId="0" fontId="15" fillId="2" borderId="18" xfId="0" applyFont="1" applyFill="1" applyBorder="1" applyAlignment="1">
      <alignment horizontal="center" vertical="center" wrapText="1"/>
    </xf>
    <xf numFmtId="0" fontId="2" fillId="0" borderId="1" xfId="0" applyFont="1" applyBorder="1" applyAlignment="1">
      <alignment horizontal="left" vertical="center" wrapText="1"/>
    </xf>
    <xf numFmtId="0" fontId="2" fillId="0" borderId="15" xfId="0" applyFont="1" applyBorder="1" applyAlignment="1">
      <alignment horizontal="left" vertical="center" wrapText="1"/>
    </xf>
    <xf numFmtId="0" fontId="15" fillId="2" borderId="14" xfId="0" applyFont="1" applyFill="1" applyBorder="1" applyAlignment="1">
      <alignment vertical="center" textRotation="255"/>
    </xf>
    <xf numFmtId="0" fontId="15" fillId="2" borderId="20" xfId="0" applyFont="1" applyFill="1" applyBorder="1" applyAlignment="1">
      <alignment vertical="center" textRotation="255"/>
    </xf>
    <xf numFmtId="0" fontId="15" fillId="2" borderId="3" xfId="0" applyFont="1" applyFill="1" applyBorder="1" applyAlignment="1">
      <alignment horizontal="center" vertical="center"/>
    </xf>
    <xf numFmtId="0" fontId="15" fillId="2" borderId="18" xfId="0" applyFont="1" applyFill="1" applyBorder="1" applyAlignment="1">
      <alignment horizontal="center" vertical="center"/>
    </xf>
    <xf numFmtId="0" fontId="2" fillId="0" borderId="3" xfId="0" applyFont="1" applyBorder="1" applyAlignment="1">
      <alignment horizontal="left" vertical="center"/>
    </xf>
    <xf numFmtId="0" fontId="2" fillId="0" borderId="17" xfId="0" applyFont="1" applyBorder="1" applyAlignment="1">
      <alignment horizontal="left" vertical="center"/>
    </xf>
    <xf numFmtId="0" fontId="2" fillId="0" borderId="19" xfId="0" applyFont="1" applyBorder="1" applyAlignment="1">
      <alignment horizontal="left" vertical="center"/>
    </xf>
    <xf numFmtId="0" fontId="15" fillId="2" borderId="4" xfId="0" applyFont="1" applyFill="1" applyBorder="1" applyAlignment="1">
      <alignment horizontal="center" vertical="center"/>
    </xf>
    <xf numFmtId="0" fontId="2" fillId="0" borderId="4" xfId="0" applyFont="1" applyBorder="1" applyAlignment="1">
      <alignment horizontal="left" vertical="center"/>
    </xf>
    <xf numFmtId="0" fontId="15" fillId="2" borderId="22" xfId="0" applyFont="1" applyFill="1" applyBorder="1" applyAlignment="1">
      <alignment horizontal="center" vertical="center"/>
    </xf>
    <xf numFmtId="0" fontId="2" fillId="0" borderId="22" xfId="0" applyFont="1" applyBorder="1" applyAlignment="1">
      <alignment horizontal="left" vertical="center"/>
    </xf>
    <xf numFmtId="0" fontId="2" fillId="0" borderId="23" xfId="0" applyFont="1" applyBorder="1" applyAlignment="1">
      <alignment horizontal="left" vertical="center"/>
    </xf>
    <xf numFmtId="0" fontId="15" fillId="2" borderId="21" xfId="0" applyFont="1" applyFill="1" applyBorder="1" applyAlignment="1">
      <alignment horizontal="center" vertical="center"/>
    </xf>
    <xf numFmtId="0" fontId="2" fillId="0" borderId="21" xfId="0" applyFont="1" applyBorder="1" applyAlignment="1">
      <alignment horizontal="left" vertical="center"/>
    </xf>
    <xf numFmtId="0" fontId="2" fillId="0" borderId="25" xfId="0" applyFont="1" applyBorder="1" applyAlignment="1">
      <alignment horizontal="left" vertical="top" wrapText="1"/>
    </xf>
    <xf numFmtId="0" fontId="2" fillId="0" borderId="26" xfId="0" applyFont="1" applyBorder="1" applyAlignment="1">
      <alignment horizontal="left" vertical="top" wrapText="1"/>
    </xf>
    <xf numFmtId="0" fontId="2" fillId="0" borderId="54" xfId="0" applyFont="1" applyBorder="1" applyAlignment="1">
      <alignment horizontal="left" vertical="top" wrapText="1"/>
    </xf>
    <xf numFmtId="0" fontId="2" fillId="0" borderId="55" xfId="0" applyFont="1" applyBorder="1" applyAlignment="1">
      <alignment horizontal="left" vertical="top" wrapText="1"/>
    </xf>
    <xf numFmtId="0" fontId="2" fillId="0" borderId="56" xfId="0" applyFont="1" applyBorder="1" applyAlignment="1">
      <alignment horizontal="left" vertical="top" wrapText="1"/>
    </xf>
    <xf numFmtId="0" fontId="16" fillId="0" borderId="1" xfId="0" applyFont="1" applyBorder="1" applyAlignment="1">
      <alignment horizontal="center"/>
    </xf>
    <xf numFmtId="0" fontId="16" fillId="0" borderId="15" xfId="0" applyFont="1" applyBorder="1" applyAlignment="1">
      <alignment horizontal="center"/>
    </xf>
    <xf numFmtId="0" fontId="15" fillId="0" borderId="0" xfId="0" applyFont="1" applyFill="1" applyBorder="1" applyAlignment="1">
      <alignment horizontal="center" vertical="center"/>
    </xf>
    <xf numFmtId="0" fontId="16" fillId="0" borderId="0" xfId="0" applyFont="1" applyFill="1" applyBorder="1" applyAlignment="1">
      <alignment horizontal="center" vertical="center"/>
    </xf>
    <xf numFmtId="0" fontId="15" fillId="0" borderId="0" xfId="0" applyFont="1" applyFill="1" applyBorder="1" applyAlignment="1">
      <alignment horizontal="center" wrapText="1"/>
    </xf>
    <xf numFmtId="0" fontId="18" fillId="0" borderId="0" xfId="0" applyFont="1" applyFill="1" applyBorder="1" applyAlignment="1">
      <alignment horizontal="left" vertical="center" wrapText="1"/>
    </xf>
    <xf numFmtId="0" fontId="15" fillId="2" borderId="34" xfId="0" applyFont="1" applyFill="1" applyBorder="1" applyAlignment="1">
      <alignment horizontal="center" vertical="center"/>
    </xf>
    <xf numFmtId="0" fontId="15" fillId="2" borderId="35" xfId="0" applyFont="1" applyFill="1" applyBorder="1" applyAlignment="1">
      <alignment horizontal="center" vertical="center"/>
    </xf>
    <xf numFmtId="0" fontId="15" fillId="2" borderId="36" xfId="0" applyFont="1" applyFill="1" applyBorder="1" applyAlignment="1">
      <alignment horizontal="center" vertical="center"/>
    </xf>
    <xf numFmtId="0" fontId="15" fillId="0" borderId="0" xfId="0" applyFont="1" applyFill="1" applyBorder="1" applyAlignment="1">
      <alignment horizontal="center" vertical="center" textRotation="255"/>
    </xf>
    <xf numFmtId="0" fontId="16" fillId="0" borderId="0" xfId="0" applyFont="1" applyFill="1" applyBorder="1" applyAlignment="1">
      <alignment horizontal="left" vertical="center"/>
    </xf>
    <xf numFmtId="0" fontId="17" fillId="0" borderId="0" xfId="0" applyFont="1" applyFill="1" applyBorder="1" applyAlignment="1">
      <alignment horizontal="left" vertical="center"/>
    </xf>
    <xf numFmtId="0" fontId="15" fillId="2" borderId="15" xfId="0" applyFont="1" applyFill="1" applyBorder="1" applyAlignment="1">
      <alignment horizontal="center" vertical="center"/>
    </xf>
    <xf numFmtId="0" fontId="16" fillId="0" borderId="22" xfId="0" applyFont="1" applyBorder="1" applyAlignment="1">
      <alignment horizontal="center"/>
    </xf>
    <xf numFmtId="0" fontId="16" fillId="0" borderId="23" xfId="0" applyFont="1" applyBorder="1" applyAlignment="1">
      <alignment horizontal="center"/>
    </xf>
    <xf numFmtId="0" fontId="20" fillId="2" borderId="24" xfId="0" applyFont="1" applyFill="1" applyBorder="1" applyAlignment="1">
      <alignment horizontal="center" vertical="center" textRotation="255"/>
    </xf>
    <xf numFmtId="0" fontId="20" fillId="2" borderId="14" xfId="0" applyFont="1" applyFill="1" applyBorder="1" applyAlignment="1">
      <alignment horizontal="center" vertical="center" textRotation="255"/>
    </xf>
    <xf numFmtId="0" fontId="20" fillId="2" borderId="20" xfId="0" applyFont="1" applyFill="1" applyBorder="1" applyAlignment="1">
      <alignment horizontal="center" vertical="center" textRotation="255"/>
    </xf>
    <xf numFmtId="0" fontId="15" fillId="2" borderId="25" xfId="0" applyFont="1" applyFill="1" applyBorder="1" applyAlignment="1">
      <alignment horizontal="center" vertical="center"/>
    </xf>
    <xf numFmtId="0" fontId="15" fillId="2" borderId="26" xfId="0" applyFont="1" applyFill="1" applyBorder="1" applyAlignment="1">
      <alignment horizontal="center" vertical="center"/>
    </xf>
    <xf numFmtId="0" fontId="16" fillId="0" borderId="1" xfId="0" applyFont="1" applyBorder="1" applyAlignment="1">
      <alignment horizontal="center" vertical="center"/>
    </xf>
    <xf numFmtId="0" fontId="16" fillId="0" borderId="15" xfId="0" applyFont="1" applyBorder="1" applyAlignment="1">
      <alignment horizontal="center" vertical="center"/>
    </xf>
    <xf numFmtId="0" fontId="16" fillId="0" borderId="22" xfId="0" applyFont="1" applyBorder="1" applyAlignment="1">
      <alignment horizontal="center" vertical="center"/>
    </xf>
    <xf numFmtId="0" fontId="16" fillId="0" borderId="23" xfId="0" applyFont="1" applyBorder="1" applyAlignment="1">
      <alignment horizontal="center" vertical="center"/>
    </xf>
    <xf numFmtId="0" fontId="15" fillId="2" borderId="8" xfId="0" applyFont="1" applyFill="1" applyBorder="1" applyAlignment="1">
      <alignment horizontal="center" vertical="center" textRotation="255" wrapText="1"/>
    </xf>
    <xf numFmtId="0" fontId="15" fillId="2" borderId="39" xfId="0" applyFont="1" applyFill="1" applyBorder="1" applyAlignment="1">
      <alignment horizontal="center" vertical="center" textRotation="255" wrapText="1"/>
    </xf>
    <xf numFmtId="0" fontId="15" fillId="2" borderId="40" xfId="0" applyFont="1" applyFill="1" applyBorder="1" applyAlignment="1">
      <alignment horizontal="center" vertical="center" textRotation="255" wrapText="1"/>
    </xf>
    <xf numFmtId="0" fontId="15" fillId="2" borderId="25" xfId="0" applyFont="1" applyFill="1" applyBorder="1" applyAlignment="1">
      <alignment horizontal="center" vertical="center" wrapText="1"/>
    </xf>
    <xf numFmtId="0" fontId="2" fillId="0" borderId="25" xfId="0" applyFont="1" applyBorder="1" applyAlignment="1">
      <alignment horizontal="right" vertical="center" wrapText="1"/>
    </xf>
    <xf numFmtId="0" fontId="16" fillId="0" borderId="38" xfId="0" applyFont="1" applyBorder="1" applyAlignment="1">
      <alignment horizontal="center" vertical="center"/>
    </xf>
    <xf numFmtId="0" fontId="16" fillId="0" borderId="36" xfId="0" applyFont="1" applyBorder="1" applyAlignment="1">
      <alignment horizontal="center" vertical="center"/>
    </xf>
    <xf numFmtId="0" fontId="15" fillId="2" borderId="1" xfId="0" applyFont="1" applyFill="1" applyBorder="1" applyAlignment="1">
      <alignment horizontal="center" vertical="center" wrapText="1"/>
    </xf>
    <xf numFmtId="0" fontId="15" fillId="2" borderId="15" xfId="0" applyFont="1" applyFill="1" applyBorder="1" applyAlignment="1">
      <alignment horizontal="center" vertical="center" wrapText="1"/>
    </xf>
    <xf numFmtId="0" fontId="16" fillId="0" borderId="1" xfId="0" applyFont="1" applyBorder="1" applyAlignment="1">
      <alignment horizontal="center" vertical="center" wrapText="1"/>
    </xf>
    <xf numFmtId="0" fontId="16" fillId="0" borderId="15" xfId="0" applyFont="1" applyBorder="1" applyAlignment="1">
      <alignment horizontal="center" vertical="center" wrapText="1"/>
    </xf>
    <xf numFmtId="0" fontId="16" fillId="0" borderId="4" xfId="0" applyFont="1" applyBorder="1" applyAlignment="1">
      <alignment horizontal="center" vertical="center" wrapText="1"/>
    </xf>
    <xf numFmtId="0" fontId="16" fillId="0" borderId="28" xfId="0" applyFont="1" applyBorder="1" applyAlignment="1">
      <alignment horizontal="center" vertical="center" wrapText="1"/>
    </xf>
    <xf numFmtId="0" fontId="15" fillId="2" borderId="84" xfId="0" applyFont="1" applyFill="1" applyBorder="1" applyAlignment="1">
      <alignment horizontal="center" vertical="center" wrapText="1"/>
    </xf>
    <xf numFmtId="0" fontId="16" fillId="0" borderId="84" xfId="0" applyFont="1" applyBorder="1" applyAlignment="1">
      <alignment horizontal="center" vertical="center" wrapText="1"/>
    </xf>
    <xf numFmtId="0" fontId="16" fillId="0" borderId="85" xfId="0" applyFont="1" applyBorder="1" applyAlignment="1">
      <alignment horizontal="center" vertical="center" wrapText="1"/>
    </xf>
    <xf numFmtId="0" fontId="21" fillId="2" borderId="24" xfId="0" applyFont="1" applyFill="1" applyBorder="1" applyAlignment="1">
      <alignment horizontal="center" vertical="center"/>
    </xf>
    <xf numFmtId="0" fontId="21" fillId="2" borderId="25" xfId="0" applyFont="1" applyFill="1" applyBorder="1" applyAlignment="1">
      <alignment horizontal="center" vertical="center"/>
    </xf>
    <xf numFmtId="0" fontId="2" fillId="0" borderId="38" xfId="0" applyFont="1" applyBorder="1" applyAlignment="1">
      <alignment horizontal="left" vertical="center"/>
    </xf>
    <xf numFmtId="0" fontId="2" fillId="0" borderId="35" xfId="0" applyFont="1" applyBorder="1" applyAlignment="1">
      <alignment horizontal="left" vertical="center"/>
    </xf>
    <xf numFmtId="0" fontId="2" fillId="0" borderId="36" xfId="0" applyFont="1" applyBorder="1" applyAlignment="1">
      <alignment horizontal="left" vertical="center"/>
    </xf>
    <xf numFmtId="0" fontId="21" fillId="2" borderId="27" xfId="0" applyFont="1" applyFill="1" applyBorder="1" applyAlignment="1">
      <alignment horizontal="center" vertical="center"/>
    </xf>
    <xf numFmtId="0" fontId="21" fillId="2" borderId="4" xfId="0" applyFont="1" applyFill="1" applyBorder="1" applyAlignment="1">
      <alignment horizontal="center" vertical="center"/>
    </xf>
    <xf numFmtId="0" fontId="2" fillId="0" borderId="41" xfId="0" applyFont="1" applyBorder="1" applyAlignment="1">
      <alignment horizontal="left" vertical="center"/>
    </xf>
    <xf numFmtId="0" fontId="2" fillId="0" borderId="42" xfId="0" applyFont="1" applyBorder="1" applyAlignment="1">
      <alignment horizontal="left" vertical="center"/>
    </xf>
    <xf numFmtId="0" fontId="21" fillId="2" borderId="1" xfId="0" applyFont="1" applyFill="1" applyBorder="1" applyAlignment="1">
      <alignment horizontal="center" vertical="center"/>
    </xf>
    <xf numFmtId="0" fontId="2" fillId="0" borderId="15" xfId="0" applyFont="1" applyBorder="1" applyAlignment="1">
      <alignment horizontal="center" wrapText="1"/>
    </xf>
    <xf numFmtId="0" fontId="2" fillId="0" borderId="15" xfId="0" applyFont="1" applyBorder="1" applyAlignment="1">
      <alignment horizontal="center"/>
    </xf>
    <xf numFmtId="0" fontId="21" fillId="2" borderId="11" xfId="0" applyFont="1" applyFill="1" applyBorder="1" applyAlignment="1">
      <alignment horizontal="center" vertical="center"/>
    </xf>
    <xf numFmtId="0" fontId="21" fillId="2" borderId="12" xfId="0" applyFont="1" applyFill="1" applyBorder="1" applyAlignment="1">
      <alignment horizontal="center" vertical="center"/>
    </xf>
    <xf numFmtId="0" fontId="2" fillId="0" borderId="43" xfId="0" applyFont="1" applyBorder="1" applyAlignment="1">
      <alignment horizontal="left" vertical="center"/>
    </xf>
    <xf numFmtId="0" fontId="2" fillId="0" borderId="44" xfId="0" applyFont="1" applyBorder="1" applyAlignment="1">
      <alignment horizontal="left" vertical="center"/>
    </xf>
    <xf numFmtId="0" fontId="21" fillId="2" borderId="14" xfId="0" applyFont="1" applyFill="1" applyBorder="1" applyAlignment="1">
      <alignment horizontal="center" vertical="center"/>
    </xf>
    <xf numFmtId="0" fontId="21" fillId="2" borderId="20" xfId="0" applyFont="1" applyFill="1" applyBorder="1" applyAlignment="1">
      <alignment horizontal="center" vertical="center"/>
    </xf>
    <xf numFmtId="0" fontId="21" fillId="2" borderId="22" xfId="0" applyFont="1" applyFill="1" applyBorder="1" applyAlignment="1">
      <alignment horizontal="center" vertical="center"/>
    </xf>
    <xf numFmtId="0" fontId="2" fillId="0" borderId="45" xfId="0" applyFont="1" applyBorder="1" applyAlignment="1">
      <alignment horizontal="left" vertical="center"/>
    </xf>
    <xf numFmtId="0" fontId="2" fillId="0" borderId="46" xfId="0" applyFont="1" applyBorder="1" applyAlignment="1">
      <alignment horizontal="left" vertical="center"/>
    </xf>
    <xf numFmtId="0" fontId="2" fillId="0" borderId="47" xfId="0" applyFont="1" applyBorder="1" applyAlignment="1">
      <alignment horizontal="left" vertical="center"/>
    </xf>
    <xf numFmtId="0" fontId="2" fillId="0" borderId="48" xfId="0" applyFont="1" applyBorder="1" applyAlignment="1">
      <alignment horizontal="left" vertical="center"/>
    </xf>
    <xf numFmtId="0" fontId="21" fillId="2" borderId="49" xfId="0" applyFont="1" applyFill="1" applyBorder="1" applyAlignment="1">
      <alignment horizontal="center" vertical="center"/>
    </xf>
    <xf numFmtId="0" fontId="2" fillId="0" borderId="28" xfId="0" applyFont="1" applyBorder="1" applyAlignment="1">
      <alignment horizontal="center"/>
    </xf>
    <xf numFmtId="0" fontId="2" fillId="0" borderId="50" xfId="0" applyFont="1" applyBorder="1" applyAlignment="1">
      <alignment horizontal="center"/>
    </xf>
    <xf numFmtId="0" fontId="23" fillId="2" borderId="25" xfId="0" applyFont="1" applyFill="1" applyBorder="1" applyAlignment="1">
      <alignment horizontal="center" vertical="center"/>
    </xf>
    <xf numFmtId="0" fontId="23" fillId="2" borderId="26" xfId="0" applyFont="1" applyFill="1" applyBorder="1" applyAlignment="1">
      <alignment horizontal="center" vertical="center"/>
    </xf>
    <xf numFmtId="0" fontId="2" fillId="0" borderId="28" xfId="0" applyFont="1" applyBorder="1" applyAlignment="1">
      <alignment horizontal="left" vertical="center"/>
    </xf>
    <xf numFmtId="0" fontId="22" fillId="2" borderId="27" xfId="0" applyFont="1" applyFill="1" applyBorder="1" applyAlignment="1">
      <alignment horizontal="center" vertical="center"/>
    </xf>
    <xf numFmtId="0" fontId="22" fillId="2" borderId="53" xfId="0" applyFont="1" applyFill="1" applyBorder="1" applyAlignment="1">
      <alignment horizontal="center" vertical="center"/>
    </xf>
    <xf numFmtId="0" fontId="22" fillId="2" borderId="4" xfId="0" applyFont="1" applyFill="1" applyBorder="1" applyAlignment="1">
      <alignment horizontal="center" vertical="center"/>
    </xf>
    <xf numFmtId="0" fontId="22" fillId="2" borderId="7" xfId="0" applyFont="1" applyFill="1" applyBorder="1" applyAlignment="1">
      <alignment horizontal="center" vertical="center"/>
    </xf>
    <xf numFmtId="0" fontId="23" fillId="2" borderId="4" xfId="0" applyFont="1" applyFill="1" applyBorder="1" applyAlignment="1">
      <alignment horizontal="center" vertical="center"/>
    </xf>
    <xf numFmtId="0" fontId="23" fillId="2" borderId="28" xfId="0" applyFont="1" applyFill="1" applyBorder="1" applyAlignment="1">
      <alignment horizontal="center" vertical="center"/>
    </xf>
    <xf numFmtId="0" fontId="23" fillId="2" borderId="43" xfId="0" applyFont="1" applyFill="1" applyBorder="1" applyAlignment="1">
      <alignment horizontal="center" vertical="center"/>
    </xf>
    <xf numFmtId="0" fontId="23" fillId="2" borderId="44" xfId="0" applyFont="1" applyFill="1" applyBorder="1" applyAlignment="1">
      <alignment horizontal="center" vertical="center"/>
    </xf>
    <xf numFmtId="0" fontId="24" fillId="2" borderId="3" xfId="0" applyFont="1" applyFill="1" applyBorder="1" applyAlignment="1">
      <alignment horizontal="center" vertical="center"/>
    </xf>
    <xf numFmtId="0" fontId="24" fillId="2" borderId="17" xfId="0" applyFont="1" applyFill="1" applyBorder="1" applyAlignment="1">
      <alignment horizontal="center" vertical="center"/>
    </xf>
    <xf numFmtId="0" fontId="24" fillId="2" borderId="19" xfId="0" applyFont="1" applyFill="1" applyBorder="1" applyAlignment="1">
      <alignment horizontal="center" vertical="center"/>
    </xf>
    <xf numFmtId="0" fontId="2" fillId="0" borderId="18" xfId="0" applyFont="1" applyBorder="1" applyAlignment="1">
      <alignment horizontal="left" vertical="center"/>
    </xf>
    <xf numFmtId="0" fontId="23" fillId="2" borderId="1" xfId="0" applyFont="1" applyFill="1" applyBorder="1" applyAlignment="1">
      <alignment horizontal="center" vertical="center"/>
    </xf>
    <xf numFmtId="0" fontId="23" fillId="2" borderId="15" xfId="0" applyFont="1" applyFill="1" applyBorder="1" applyAlignment="1">
      <alignment horizontal="center" vertical="center"/>
    </xf>
    <xf numFmtId="0" fontId="2" fillId="0" borderId="3" xfId="0" applyFont="1" applyFill="1" applyBorder="1" applyAlignment="1">
      <alignment horizontal="left" vertical="center"/>
    </xf>
    <xf numFmtId="0" fontId="2" fillId="0" borderId="17" xfId="0" applyFont="1" applyFill="1" applyBorder="1" applyAlignment="1">
      <alignment horizontal="left" vertical="center"/>
    </xf>
    <xf numFmtId="0" fontId="2" fillId="0" borderId="19" xfId="0" applyFont="1" applyFill="1" applyBorder="1" applyAlignment="1">
      <alignment horizontal="left" vertical="center"/>
    </xf>
    <xf numFmtId="0" fontId="2" fillId="0" borderId="54" xfId="0" applyFont="1" applyBorder="1" applyAlignment="1">
      <alignment horizontal="left"/>
    </xf>
    <xf numFmtId="0" fontId="2" fillId="0" borderId="55" xfId="0" applyFont="1" applyBorder="1" applyAlignment="1">
      <alignment horizontal="left"/>
    </xf>
    <xf numFmtId="0" fontId="2" fillId="0" borderId="56" xfId="0" applyFont="1" applyBorder="1" applyAlignment="1">
      <alignment horizontal="left"/>
    </xf>
    <xf numFmtId="0" fontId="2" fillId="0" borderId="0" xfId="0" applyFont="1" applyAlignment="1">
      <alignment horizontal="right"/>
    </xf>
    <xf numFmtId="0" fontId="27" fillId="0" borderId="28" xfId="0" applyFont="1" applyBorder="1" applyAlignment="1">
      <alignment horizontal="center"/>
    </xf>
    <xf numFmtId="0" fontId="27" fillId="0" borderId="50" xfId="0" applyFont="1" applyBorder="1" applyAlignment="1">
      <alignment horizontal="center"/>
    </xf>
    <xf numFmtId="0" fontId="28" fillId="0" borderId="0" xfId="0" applyFont="1" applyAlignment="1">
      <alignment horizontal="center" vertical="center"/>
    </xf>
    <xf numFmtId="0" fontId="11" fillId="2" borderId="45" xfId="0" applyFont="1" applyFill="1" applyBorder="1" applyAlignment="1">
      <alignment horizontal="center" vertical="center"/>
    </xf>
    <xf numFmtId="0" fontId="11" fillId="2" borderId="2" xfId="0" applyFont="1" applyFill="1" applyBorder="1" applyAlignment="1">
      <alignment horizontal="center" vertical="center"/>
    </xf>
    <xf numFmtId="0" fontId="11" fillId="2" borderId="46" xfId="0" applyFont="1" applyFill="1" applyBorder="1" applyAlignment="1">
      <alignment horizontal="center" vertical="center"/>
    </xf>
    <xf numFmtId="0" fontId="11" fillId="2" borderId="31" xfId="0" applyFont="1" applyFill="1" applyBorder="1" applyAlignment="1">
      <alignment horizontal="center" vertical="center"/>
    </xf>
    <xf numFmtId="0" fontId="11" fillId="2" borderId="32" xfId="0" applyFont="1" applyFill="1" applyBorder="1" applyAlignment="1">
      <alignment horizontal="center" vertical="center"/>
    </xf>
    <xf numFmtId="0" fontId="11" fillId="2" borderId="33" xfId="0" applyFont="1" applyFill="1" applyBorder="1" applyAlignment="1">
      <alignment horizontal="center" vertical="center"/>
    </xf>
    <xf numFmtId="0" fontId="2" fillId="0" borderId="45" xfId="0" applyFont="1" applyBorder="1" applyAlignment="1">
      <alignment horizontal="center" vertical="center" wrapText="1"/>
    </xf>
    <xf numFmtId="0" fontId="2" fillId="0" borderId="2" xfId="0" applyFont="1" applyBorder="1" applyAlignment="1">
      <alignment horizontal="center" vertical="center"/>
    </xf>
    <xf numFmtId="0" fontId="2" fillId="0" borderId="46" xfId="0" applyFont="1" applyBorder="1" applyAlignment="1">
      <alignment horizontal="center" vertical="center"/>
    </xf>
    <xf numFmtId="0" fontId="2" fillId="0" borderId="31" xfId="0" applyFont="1" applyBorder="1" applyAlignment="1">
      <alignment horizontal="center" vertical="center" wrapText="1"/>
    </xf>
    <xf numFmtId="0" fontId="2" fillId="0" borderId="32" xfId="0" applyFont="1" applyBorder="1" applyAlignment="1">
      <alignment horizontal="center" vertical="center"/>
    </xf>
    <xf numFmtId="0" fontId="2" fillId="0" borderId="33" xfId="0" applyFont="1" applyBorder="1" applyAlignment="1">
      <alignment horizontal="center" vertical="center"/>
    </xf>
    <xf numFmtId="0" fontId="11" fillId="2" borderId="3" xfId="0" applyFont="1" applyFill="1" applyBorder="1" applyAlignment="1">
      <alignment horizontal="center" vertical="center"/>
    </xf>
    <xf numFmtId="0" fontId="11" fillId="2" borderId="17" xfId="0" applyFont="1" applyFill="1" applyBorder="1" applyAlignment="1">
      <alignment horizontal="center" vertical="center"/>
    </xf>
    <xf numFmtId="0" fontId="11" fillId="2" borderId="18" xfId="0" applyFont="1" applyFill="1" applyBorder="1" applyAlignment="1">
      <alignment horizontal="center" vertical="center"/>
    </xf>
    <xf numFmtId="0" fontId="27" fillId="0" borderId="3" xfId="0" applyFont="1" applyBorder="1" applyAlignment="1">
      <alignment horizontal="center" vertical="center"/>
    </xf>
    <xf numFmtId="0" fontId="27" fillId="0" borderId="17" xfId="0" applyFont="1" applyBorder="1" applyAlignment="1">
      <alignment horizontal="center" vertical="center"/>
    </xf>
    <xf numFmtId="0" fontId="27" fillId="0" borderId="18" xfId="0" applyFont="1" applyBorder="1" applyAlignment="1">
      <alignment horizontal="center" vertical="center"/>
    </xf>
    <xf numFmtId="0" fontId="12" fillId="0" borderId="45" xfId="0" applyFont="1" applyFill="1" applyBorder="1" applyAlignment="1">
      <alignment horizontal="left" vertical="center"/>
    </xf>
    <xf numFmtId="0" fontId="12" fillId="0" borderId="2" xfId="0" applyFont="1" applyFill="1" applyBorder="1" applyAlignment="1">
      <alignment horizontal="left" vertical="center"/>
    </xf>
    <xf numFmtId="0" fontId="12" fillId="0" borderId="46" xfId="0" applyFont="1" applyFill="1" applyBorder="1" applyAlignment="1">
      <alignment horizontal="left" vertical="center"/>
    </xf>
    <xf numFmtId="0" fontId="27" fillId="0" borderId="31" xfId="0" applyFont="1" applyBorder="1" applyAlignment="1">
      <alignment horizontal="left" vertical="top" wrapText="1"/>
    </xf>
    <xf numFmtId="0" fontId="27" fillId="0" borderId="32" xfId="0" applyFont="1" applyBorder="1" applyAlignment="1">
      <alignment horizontal="left" vertical="top" wrapText="1"/>
    </xf>
    <xf numFmtId="0" fontId="27" fillId="0" borderId="33" xfId="0" applyFont="1" applyBorder="1" applyAlignment="1">
      <alignment horizontal="left" vertical="top" wrapText="1"/>
    </xf>
    <xf numFmtId="0" fontId="27" fillId="0" borderId="3" xfId="0" applyFont="1" applyBorder="1" applyAlignment="1">
      <alignment horizontal="left" vertical="top" wrapText="1"/>
    </xf>
    <xf numFmtId="0" fontId="27" fillId="0" borderId="17" xfId="0" applyFont="1" applyBorder="1" applyAlignment="1">
      <alignment horizontal="left" vertical="top" wrapText="1"/>
    </xf>
    <xf numFmtId="0" fontId="27" fillId="0" borderId="18" xfId="0" applyFont="1" applyBorder="1" applyAlignment="1">
      <alignment horizontal="left" vertical="top" wrapText="1"/>
    </xf>
    <xf numFmtId="20" fontId="22" fillId="2" borderId="17" xfId="3" applyNumberFormat="1" applyFont="1" applyFill="1" applyBorder="1" applyAlignment="1">
      <alignment horizontal="center" vertical="center"/>
    </xf>
    <xf numFmtId="20" fontId="22" fillId="2" borderId="18" xfId="3" applyNumberFormat="1" applyFont="1" applyFill="1" applyBorder="1" applyAlignment="1">
      <alignment horizontal="center" vertical="center"/>
    </xf>
    <xf numFmtId="0" fontId="22" fillId="0" borderId="0" xfId="3" applyFont="1" applyAlignment="1">
      <alignment vertical="center" wrapText="1"/>
    </xf>
    <xf numFmtId="0" fontId="11" fillId="2" borderId="1" xfId="0" applyFont="1" applyFill="1" applyBorder="1" applyAlignment="1">
      <alignment horizontal="center" vertical="center" wrapText="1" shrinkToFit="1"/>
    </xf>
    <xf numFmtId="0" fontId="9" fillId="2" borderId="4" xfId="0" applyFont="1" applyFill="1" applyBorder="1" applyAlignment="1">
      <alignment horizontal="left" vertical="center" wrapText="1"/>
    </xf>
    <xf numFmtId="0" fontId="2" fillId="0" borderId="12" xfId="0" applyFont="1" applyBorder="1" applyAlignment="1">
      <alignment horizontal="left" vertical="top" wrapText="1"/>
    </xf>
    <xf numFmtId="0" fontId="2" fillId="0" borderId="1" xfId="0" applyFont="1" applyBorder="1" applyAlignment="1">
      <alignment horizontal="left" vertical="top" wrapText="1"/>
    </xf>
    <xf numFmtId="0" fontId="11" fillId="2" borderId="4" xfId="0" applyFont="1" applyFill="1" applyBorder="1" applyAlignment="1">
      <alignment horizontal="left" vertical="center" wrapText="1"/>
    </xf>
    <xf numFmtId="0" fontId="27" fillId="0" borderId="1" xfId="0" applyFont="1" applyFill="1" applyBorder="1" applyAlignment="1">
      <alignment horizontal="center" vertical="center"/>
    </xf>
    <xf numFmtId="0" fontId="27" fillId="0" borderId="1" xfId="0" applyFont="1" applyFill="1" applyBorder="1" applyAlignment="1">
      <alignment horizontal="left" vertical="center"/>
    </xf>
    <xf numFmtId="0" fontId="27" fillId="0" borderId="17" xfId="0" applyFont="1" applyBorder="1" applyAlignment="1">
      <alignment horizontal="left" vertical="center"/>
    </xf>
    <xf numFmtId="0" fontId="27" fillId="0" borderId="18" xfId="0" applyFont="1" applyBorder="1" applyAlignment="1">
      <alignment horizontal="left" vertical="center"/>
    </xf>
    <xf numFmtId="0" fontId="11" fillId="2" borderId="1" xfId="0" applyFont="1" applyFill="1" applyBorder="1" applyAlignment="1">
      <alignment horizontal="center" vertical="center"/>
    </xf>
    <xf numFmtId="0" fontId="27" fillId="0" borderId="1" xfId="0" applyFont="1" applyBorder="1" applyAlignment="1">
      <alignment horizontal="center" vertical="center"/>
    </xf>
    <xf numFmtId="0" fontId="27" fillId="0" borderId="17" xfId="0" applyFont="1" applyFill="1" applyBorder="1" applyAlignment="1">
      <alignment horizontal="center" vertical="center"/>
    </xf>
    <xf numFmtId="0" fontId="27" fillId="0" borderId="18" xfId="0" applyFont="1" applyFill="1" applyBorder="1" applyAlignment="1">
      <alignment horizontal="center" vertical="center"/>
    </xf>
    <xf numFmtId="0" fontId="27" fillId="0" borderId="2" xfId="0" applyFont="1" applyFill="1" applyBorder="1" applyAlignment="1">
      <alignment horizontal="center" vertical="center"/>
    </xf>
    <xf numFmtId="0" fontId="27" fillId="0" borderId="46" xfId="0" applyFont="1" applyFill="1" applyBorder="1" applyAlignment="1">
      <alignment horizontal="center" vertical="center"/>
    </xf>
    <xf numFmtId="0" fontId="11" fillId="0" borderId="31" xfId="0" applyFont="1" applyBorder="1" applyAlignment="1">
      <alignment horizontal="left" vertical="center"/>
    </xf>
    <xf numFmtId="0" fontId="11" fillId="0" borderId="32" xfId="0" applyFont="1" applyBorder="1" applyAlignment="1">
      <alignment horizontal="left" vertical="center"/>
    </xf>
    <xf numFmtId="0" fontId="11" fillId="0" borderId="33" xfId="0" applyFont="1" applyBorder="1" applyAlignment="1">
      <alignment horizontal="left" vertical="center"/>
    </xf>
    <xf numFmtId="0" fontId="11" fillId="2" borderId="4" xfId="0" applyFont="1" applyFill="1" applyBorder="1" applyAlignment="1">
      <alignment horizontal="center" vertical="center"/>
    </xf>
    <xf numFmtId="0" fontId="11" fillId="2" borderId="7" xfId="0" applyFont="1" applyFill="1" applyBorder="1" applyAlignment="1">
      <alignment horizontal="center" vertical="center"/>
    </xf>
    <xf numFmtId="0" fontId="2" fillId="0" borderId="45" xfId="0" applyFont="1" applyFill="1" applyBorder="1" applyAlignment="1">
      <alignment horizontal="left" vertical="center"/>
    </xf>
    <xf numFmtId="0" fontId="2" fillId="0" borderId="2" xfId="0" applyFont="1" applyFill="1" applyBorder="1" applyAlignment="1">
      <alignment horizontal="left" vertical="center"/>
    </xf>
    <xf numFmtId="0" fontId="2" fillId="0" borderId="46" xfId="0" applyFont="1" applyFill="1" applyBorder="1" applyAlignment="1">
      <alignment horizontal="left" vertical="center"/>
    </xf>
    <xf numFmtId="0" fontId="28" fillId="0" borderId="0" xfId="0" applyFont="1" applyFill="1" applyAlignment="1">
      <alignment horizontal="center" vertical="center"/>
    </xf>
    <xf numFmtId="0" fontId="2" fillId="0" borderId="1" xfId="0" applyFont="1" applyFill="1" applyBorder="1" applyAlignment="1">
      <alignment horizontal="center" vertical="center"/>
    </xf>
    <xf numFmtId="0" fontId="11" fillId="2" borderId="3" xfId="0" applyFont="1" applyFill="1" applyBorder="1" applyAlignment="1">
      <alignment horizontal="center" vertical="center" wrapText="1"/>
    </xf>
    <xf numFmtId="0" fontId="27" fillId="0" borderId="3" xfId="0" applyFont="1" applyFill="1" applyBorder="1" applyAlignment="1">
      <alignment horizontal="left" vertical="center"/>
    </xf>
    <xf numFmtId="0" fontId="27" fillId="0" borderId="17" xfId="0" applyFont="1" applyFill="1" applyBorder="1" applyAlignment="1">
      <alignment horizontal="left" vertical="center"/>
    </xf>
    <xf numFmtId="0" fontId="27" fillId="0" borderId="18" xfId="0" applyFont="1" applyFill="1" applyBorder="1" applyAlignment="1">
      <alignment horizontal="left" vertical="center"/>
    </xf>
    <xf numFmtId="0" fontId="11" fillId="2" borderId="5" xfId="0" applyFont="1" applyFill="1" applyBorder="1" applyAlignment="1">
      <alignment horizontal="center" vertical="center"/>
    </xf>
    <xf numFmtId="0" fontId="27" fillId="0" borderId="1" xfId="0" applyFont="1" applyBorder="1" applyAlignment="1">
      <alignment horizontal="left" vertical="center"/>
    </xf>
    <xf numFmtId="0" fontId="27" fillId="0" borderId="41" xfId="0" applyFont="1" applyBorder="1" applyAlignment="1">
      <alignment horizontal="left" vertical="center"/>
    </xf>
    <xf numFmtId="0" fontId="27" fillId="0" borderId="100" xfId="0" applyFont="1" applyBorder="1" applyAlignment="1">
      <alignment horizontal="left" vertical="center"/>
    </xf>
    <xf numFmtId="0" fontId="27" fillId="0" borderId="42" xfId="0" applyFont="1" applyBorder="1" applyAlignment="1">
      <alignment horizontal="left" vertical="center"/>
    </xf>
    <xf numFmtId="0" fontId="27" fillId="0" borderId="43" xfId="0" applyFont="1" applyBorder="1" applyAlignment="1">
      <alignment horizontal="left" vertical="center"/>
    </xf>
    <xf numFmtId="0" fontId="27" fillId="0" borderId="101" xfId="0" applyFont="1" applyBorder="1" applyAlignment="1">
      <alignment horizontal="left" vertical="center"/>
    </xf>
    <xf numFmtId="0" fontId="27" fillId="0" borderId="44" xfId="0" applyFont="1" applyBorder="1" applyAlignment="1">
      <alignment horizontal="left" vertical="center"/>
    </xf>
    <xf numFmtId="0" fontId="27" fillId="0" borderId="45" xfId="0" applyFont="1" applyFill="1" applyBorder="1" applyAlignment="1">
      <alignment horizontal="center" vertical="center"/>
    </xf>
    <xf numFmtId="0" fontId="27" fillId="0" borderId="31" xfId="0" applyFont="1" applyFill="1" applyBorder="1" applyAlignment="1">
      <alignment horizontal="center" vertical="center"/>
    </xf>
    <xf numFmtId="0" fontId="27" fillId="0" borderId="33" xfId="0" applyFont="1" applyFill="1" applyBorder="1" applyAlignment="1">
      <alignment horizontal="center" vertical="center"/>
    </xf>
    <xf numFmtId="0" fontId="2" fillId="0" borderId="32" xfId="0" applyFont="1" applyFill="1" applyBorder="1" applyAlignment="1">
      <alignment horizontal="left" vertical="center"/>
    </xf>
    <xf numFmtId="0" fontId="2" fillId="0" borderId="7" xfId="0" applyFont="1" applyFill="1" applyBorder="1" applyAlignment="1">
      <alignment horizontal="left" vertical="center"/>
    </xf>
    <xf numFmtId="0" fontId="27" fillId="0" borderId="3" xfId="0" applyFont="1" applyBorder="1" applyAlignment="1">
      <alignment horizontal="center" vertical="center" wrapText="1"/>
    </xf>
    <xf numFmtId="0" fontId="27" fillId="0" borderId="3" xfId="0" applyFont="1" applyBorder="1" applyAlignment="1">
      <alignment horizontal="left" vertical="center"/>
    </xf>
    <xf numFmtId="0" fontId="11" fillId="2" borderId="60" xfId="0" applyFont="1" applyFill="1" applyBorder="1" applyAlignment="1">
      <alignment horizontal="center" vertical="center"/>
    </xf>
    <xf numFmtId="0" fontId="11" fillId="2" borderId="72" xfId="0" applyFont="1" applyFill="1" applyBorder="1" applyAlignment="1">
      <alignment horizontal="center" vertical="center"/>
    </xf>
    <xf numFmtId="0" fontId="11" fillId="2" borderId="3" xfId="0" applyFont="1" applyFill="1" applyBorder="1" applyAlignment="1">
      <alignment horizontal="center" vertical="center" shrinkToFit="1"/>
    </xf>
    <xf numFmtId="0" fontId="11" fillId="2" borderId="18" xfId="0" applyFont="1" applyFill="1" applyBorder="1" applyAlignment="1">
      <alignment horizontal="center" vertical="center" shrinkToFit="1"/>
    </xf>
    <xf numFmtId="176" fontId="27" fillId="0" borderId="1" xfId="0" applyNumberFormat="1" applyFont="1" applyBorder="1" applyAlignment="1">
      <alignment horizontal="center" vertical="center"/>
    </xf>
    <xf numFmtId="0" fontId="11" fillId="0" borderId="3" xfId="0" applyFont="1" applyBorder="1" applyAlignment="1">
      <alignment horizontal="center" vertical="center"/>
    </xf>
    <xf numFmtId="0" fontId="11" fillId="0" borderId="18" xfId="0" applyFont="1" applyBorder="1" applyAlignment="1">
      <alignment horizontal="center" vertical="center"/>
    </xf>
    <xf numFmtId="0" fontId="11" fillId="2" borderId="1" xfId="0" applyFont="1" applyFill="1" applyBorder="1" applyAlignment="1">
      <alignment horizontal="left" vertical="center" wrapText="1"/>
    </xf>
    <xf numFmtId="0" fontId="11" fillId="2" borderId="18" xfId="0" applyFont="1" applyFill="1" applyBorder="1" applyAlignment="1">
      <alignment horizontal="center" vertical="center" wrapText="1"/>
    </xf>
    <xf numFmtId="0" fontId="27" fillId="0" borderId="3" xfId="0" applyFont="1" applyFill="1" applyBorder="1" applyAlignment="1">
      <alignment horizontal="center" vertical="center" wrapText="1"/>
    </xf>
    <xf numFmtId="0" fontId="27" fillId="0" borderId="17" xfId="0" applyFont="1" applyFill="1" applyBorder="1" applyAlignment="1">
      <alignment horizontal="center" vertical="center" wrapText="1"/>
    </xf>
    <xf numFmtId="0" fontId="27" fillId="0" borderId="18" xfId="0" applyFont="1" applyFill="1" applyBorder="1" applyAlignment="1">
      <alignment horizontal="center" vertical="center" wrapText="1"/>
    </xf>
    <xf numFmtId="0" fontId="27" fillId="0" borderId="3" xfId="0" applyFont="1" applyBorder="1" applyAlignment="1">
      <alignment horizontal="left" vertical="center" wrapText="1"/>
    </xf>
    <xf numFmtId="0" fontId="27" fillId="0" borderId="17" xfId="0" applyFont="1" applyBorder="1" applyAlignment="1">
      <alignment horizontal="left" vertical="center" wrapText="1"/>
    </xf>
    <xf numFmtId="0" fontId="27" fillId="0" borderId="18" xfId="0" applyFont="1" applyBorder="1" applyAlignment="1">
      <alignment horizontal="left" vertical="center" wrapText="1"/>
    </xf>
    <xf numFmtId="0" fontId="11" fillId="2" borderId="45" xfId="0" applyFont="1" applyFill="1" applyBorder="1" applyAlignment="1">
      <alignment horizontal="left" vertical="center" wrapText="1"/>
    </xf>
    <xf numFmtId="0" fontId="11" fillId="2" borderId="46" xfId="0" applyFont="1" applyFill="1" applyBorder="1" applyAlignment="1">
      <alignment horizontal="left" vertical="center"/>
    </xf>
    <xf numFmtId="0" fontId="11" fillId="2" borderId="31" xfId="0" applyFont="1" applyFill="1" applyBorder="1" applyAlignment="1">
      <alignment horizontal="left" vertical="center"/>
    </xf>
    <xf numFmtId="0" fontId="11" fillId="2" borderId="33" xfId="0" applyFont="1" applyFill="1" applyBorder="1" applyAlignment="1">
      <alignment horizontal="left" vertical="center"/>
    </xf>
    <xf numFmtId="0" fontId="27" fillId="0" borderId="45" xfId="0" applyFont="1" applyBorder="1" applyAlignment="1">
      <alignment horizontal="left" vertical="center" wrapText="1"/>
    </xf>
    <xf numFmtId="0" fontId="27" fillId="0" borderId="2" xfId="0" applyFont="1" applyBorder="1" applyAlignment="1">
      <alignment horizontal="left" vertical="center" wrapText="1"/>
    </xf>
    <xf numFmtId="0" fontId="27" fillId="0" borderId="46" xfId="0" applyFont="1" applyBorder="1" applyAlignment="1">
      <alignment horizontal="left" vertical="center" wrapText="1"/>
    </xf>
    <xf numFmtId="0" fontId="27" fillId="0" borderId="31" xfId="0" applyFont="1" applyBorder="1" applyAlignment="1">
      <alignment horizontal="left" vertical="center" wrapText="1"/>
    </xf>
    <xf numFmtId="0" fontId="27" fillId="0" borderId="32" xfId="0" applyFont="1" applyBorder="1" applyAlignment="1">
      <alignment horizontal="left" vertical="center" wrapText="1"/>
    </xf>
    <xf numFmtId="0" fontId="27" fillId="0" borderId="33" xfId="0" applyFont="1" applyBorder="1" applyAlignment="1">
      <alignment horizontal="left" vertical="center" wrapText="1"/>
    </xf>
    <xf numFmtId="0" fontId="11" fillId="2" borderId="46" xfId="0" applyFont="1" applyFill="1" applyBorder="1" applyAlignment="1">
      <alignment horizontal="left" vertical="center" wrapText="1"/>
    </xf>
    <xf numFmtId="0" fontId="11" fillId="2" borderId="6" xfId="0" applyFont="1" applyFill="1" applyBorder="1" applyAlignment="1">
      <alignment horizontal="left" vertical="center" wrapText="1"/>
    </xf>
    <xf numFmtId="0" fontId="11" fillId="2" borderId="30" xfId="0" applyFont="1" applyFill="1" applyBorder="1" applyAlignment="1">
      <alignment horizontal="left" vertical="center" wrapText="1"/>
    </xf>
    <xf numFmtId="0" fontId="11" fillId="2" borderId="31" xfId="0" applyFont="1" applyFill="1" applyBorder="1" applyAlignment="1">
      <alignment horizontal="left" vertical="center" wrapText="1"/>
    </xf>
    <xf numFmtId="0" fontId="11" fillId="2" borderId="33" xfId="0" applyFont="1" applyFill="1" applyBorder="1" applyAlignment="1">
      <alignment horizontal="left" vertical="center" wrapText="1"/>
    </xf>
    <xf numFmtId="0" fontId="27" fillId="0" borderId="6" xfId="0" applyFont="1" applyBorder="1" applyAlignment="1">
      <alignment horizontal="left" vertical="center" wrapText="1"/>
    </xf>
    <xf numFmtId="0" fontId="27" fillId="0" borderId="0" xfId="0" applyFont="1" applyBorder="1" applyAlignment="1">
      <alignment horizontal="left" vertical="center" wrapText="1"/>
    </xf>
    <xf numFmtId="0" fontId="27" fillId="0" borderId="30" xfId="0" applyFont="1" applyBorder="1" applyAlignment="1">
      <alignment horizontal="left" vertical="center" wrapText="1"/>
    </xf>
    <xf numFmtId="0" fontId="11" fillId="2" borderId="3" xfId="0" applyFont="1" applyFill="1" applyBorder="1" applyAlignment="1">
      <alignment horizontal="left" vertical="center"/>
    </xf>
    <xf numFmtId="0" fontId="11" fillId="2" borderId="18" xfId="0" applyFont="1" applyFill="1" applyBorder="1" applyAlignment="1">
      <alignment horizontal="left" vertical="center"/>
    </xf>
    <xf numFmtId="38" fontId="27" fillId="0" borderId="3" xfId="6" applyFont="1" applyBorder="1" applyAlignment="1">
      <alignment horizontal="right" vertical="center"/>
    </xf>
    <xf numFmtId="38" fontId="27" fillId="0" borderId="18" xfId="6" applyFont="1" applyBorder="1" applyAlignment="1">
      <alignment horizontal="right" vertical="center"/>
    </xf>
    <xf numFmtId="38" fontId="27" fillId="0" borderId="3" xfId="6" applyFont="1" applyBorder="1" applyAlignment="1">
      <alignment horizontal="left" vertical="center"/>
    </xf>
    <xf numFmtId="38" fontId="27" fillId="0" borderId="18" xfId="6" applyFont="1" applyBorder="1" applyAlignment="1">
      <alignment horizontal="left" vertical="center"/>
    </xf>
    <xf numFmtId="38" fontId="10" fillId="0" borderId="3" xfId="6" quotePrefix="1" applyFont="1" applyBorder="1" applyAlignment="1">
      <alignment horizontal="left" vertical="center"/>
    </xf>
    <xf numFmtId="38" fontId="10" fillId="0" borderId="18" xfId="6" applyFont="1" applyBorder="1" applyAlignment="1">
      <alignment horizontal="left" vertical="center"/>
    </xf>
    <xf numFmtId="0" fontId="11" fillId="0" borderId="73" xfId="0" applyFont="1" applyFill="1" applyBorder="1" applyAlignment="1">
      <alignment horizontal="left" vertical="center"/>
    </xf>
    <xf numFmtId="0" fontId="11" fillId="0" borderId="74" xfId="0" applyFont="1" applyFill="1" applyBorder="1" applyAlignment="1">
      <alignment horizontal="left" vertical="center"/>
    </xf>
    <xf numFmtId="0" fontId="11" fillId="0" borderId="75" xfId="0" applyFont="1" applyFill="1" applyBorder="1" applyAlignment="1">
      <alignment horizontal="left" vertical="center"/>
    </xf>
    <xf numFmtId="38" fontId="27" fillId="0" borderId="73" xfId="6" applyFont="1" applyBorder="1" applyAlignment="1">
      <alignment horizontal="right" vertical="center"/>
    </xf>
    <xf numFmtId="38" fontId="27" fillId="0" borderId="75" xfId="6" applyFont="1" applyBorder="1" applyAlignment="1">
      <alignment horizontal="right" vertical="center"/>
    </xf>
    <xf numFmtId="0" fontId="11" fillId="0" borderId="60" xfId="0" applyFont="1" applyBorder="1" applyAlignment="1">
      <alignment horizontal="center" vertical="center"/>
    </xf>
    <xf numFmtId="0" fontId="11" fillId="0" borderId="76" xfId="0" applyFont="1" applyBorder="1" applyAlignment="1">
      <alignment horizontal="center" vertical="center"/>
    </xf>
    <xf numFmtId="0" fontId="11" fillId="0" borderId="72" xfId="0" applyFont="1" applyBorder="1" applyAlignment="1">
      <alignment horizontal="center" vertical="center"/>
    </xf>
    <xf numFmtId="38" fontId="27" fillId="0" borderId="60" xfId="6" applyFont="1" applyBorder="1" applyAlignment="1">
      <alignment horizontal="right" vertical="center"/>
    </xf>
    <xf numFmtId="38" fontId="27" fillId="0" borderId="72" xfId="6" applyFont="1" applyBorder="1" applyAlignment="1">
      <alignment horizontal="right" vertical="center"/>
    </xf>
    <xf numFmtId="38" fontId="27" fillId="0" borderId="60" xfId="6" applyFont="1" applyBorder="1" applyAlignment="1">
      <alignment horizontal="left" vertical="center"/>
    </xf>
    <xf numFmtId="38" fontId="27" fillId="0" borderId="72" xfId="6" applyFont="1" applyBorder="1" applyAlignment="1">
      <alignment horizontal="left" vertical="center"/>
    </xf>
    <xf numFmtId="38" fontId="41" fillId="4" borderId="3" xfId="7" applyFont="1" applyFill="1" applyBorder="1" applyAlignment="1">
      <alignment horizontal="center" vertical="center"/>
    </xf>
    <xf numFmtId="38" fontId="41" fillId="4" borderId="17" xfId="7" applyFont="1" applyFill="1" applyBorder="1" applyAlignment="1">
      <alignment horizontal="center" vertical="center"/>
    </xf>
    <xf numFmtId="38" fontId="41" fillId="4" borderId="18" xfId="7" applyFont="1" applyFill="1" applyBorder="1" applyAlignment="1">
      <alignment horizontal="center" vertical="center"/>
    </xf>
    <xf numFmtId="38" fontId="41" fillId="0" borderId="27" xfId="7" applyFont="1" applyBorder="1" applyAlignment="1">
      <alignment vertical="center" wrapText="1"/>
    </xf>
    <xf numFmtId="38" fontId="41" fillId="0" borderId="40" xfId="7" applyFont="1" applyBorder="1" applyAlignment="1">
      <alignment vertical="center" wrapText="1"/>
    </xf>
    <xf numFmtId="38" fontId="41" fillId="4" borderId="54" xfId="7" applyFont="1" applyFill="1" applyBorder="1" applyAlignment="1">
      <alignment horizontal="center" vertical="center"/>
    </xf>
    <xf numFmtId="38" fontId="41" fillId="4" borderId="55" xfId="7" applyFont="1" applyFill="1" applyBorder="1" applyAlignment="1">
      <alignment horizontal="center" vertical="center"/>
    </xf>
    <xf numFmtId="38" fontId="41" fillId="4" borderId="91" xfId="7" applyFont="1" applyFill="1" applyBorder="1" applyAlignment="1">
      <alignment horizontal="center" vertical="center"/>
    </xf>
    <xf numFmtId="38" fontId="41" fillId="4" borderId="98" xfId="7" applyFont="1" applyFill="1" applyBorder="1" applyAlignment="1">
      <alignment horizontal="center" vertical="center"/>
    </xf>
    <xf numFmtId="38" fontId="41" fillId="4" borderId="99" xfId="7" applyFont="1" applyFill="1" applyBorder="1" applyAlignment="1">
      <alignment horizontal="center" vertical="center"/>
    </xf>
    <xf numFmtId="38" fontId="41" fillId="4" borderId="93" xfId="7" applyFont="1" applyFill="1" applyBorder="1" applyAlignment="1">
      <alignment horizontal="center" vertical="center"/>
    </xf>
    <xf numFmtId="38" fontId="41" fillId="4" borderId="8" xfId="7" applyFont="1" applyFill="1" applyBorder="1" applyAlignment="1">
      <alignment horizontal="center" vertical="center"/>
    </xf>
    <xf numFmtId="38" fontId="41" fillId="4" borderId="96" xfId="7" applyFont="1" applyFill="1" applyBorder="1" applyAlignment="1">
      <alignment horizontal="center" vertical="center"/>
    </xf>
    <xf numFmtId="38" fontId="41" fillId="4" borderId="9" xfId="7" applyFont="1" applyFill="1" applyBorder="1" applyAlignment="1">
      <alignment horizontal="center" vertical="center"/>
    </xf>
    <xf numFmtId="38" fontId="41" fillId="0" borderId="98" xfId="7" applyFont="1" applyBorder="1" applyAlignment="1">
      <alignment horizontal="center" vertical="center"/>
    </xf>
    <xf numFmtId="38" fontId="41" fillId="0" borderId="99" xfId="7" applyFont="1" applyBorder="1" applyAlignment="1">
      <alignment horizontal="center" vertical="center"/>
    </xf>
    <xf numFmtId="38" fontId="41" fillId="0" borderId="93" xfId="7" applyFont="1" applyBorder="1" applyAlignment="1">
      <alignment horizontal="center" vertical="center"/>
    </xf>
    <xf numFmtId="38" fontId="41" fillId="4" borderId="39" xfId="7" applyFont="1" applyFill="1" applyBorder="1" applyAlignment="1">
      <alignment horizontal="center" vertical="center"/>
    </xf>
    <xf numFmtId="38" fontId="41" fillId="4" borderId="30" xfId="7" applyFont="1" applyFill="1" applyBorder="1" applyAlignment="1">
      <alignment horizontal="center" vertical="center"/>
    </xf>
    <xf numFmtId="38" fontId="41" fillId="4" borderId="5" xfId="7" applyFont="1" applyFill="1" applyBorder="1" applyAlignment="1">
      <alignment horizontal="center" vertical="center"/>
    </xf>
    <xf numFmtId="38" fontId="41" fillId="4" borderId="92" xfId="7" applyFont="1" applyFill="1" applyBorder="1" applyAlignment="1">
      <alignment horizontal="center" vertical="center"/>
    </xf>
    <xf numFmtId="38" fontId="41" fillId="4" borderId="94" xfId="7" applyFont="1" applyFill="1" applyBorder="1" applyAlignment="1">
      <alignment horizontal="center" vertical="center"/>
    </xf>
    <xf numFmtId="38" fontId="41" fillId="0" borderId="86" xfId="7" applyFont="1" applyFill="1" applyBorder="1" applyAlignment="1">
      <alignment horizontal="center" vertical="center"/>
    </xf>
    <xf numFmtId="0" fontId="41" fillId="0" borderId="87" xfId="0" applyFont="1" applyBorder="1" applyAlignment="1">
      <alignment horizontal="center" vertical="center"/>
    </xf>
    <xf numFmtId="38" fontId="41" fillId="0" borderId="53" xfId="7" applyFont="1" applyBorder="1" applyAlignment="1">
      <alignment vertical="top"/>
    </xf>
    <xf numFmtId="38" fontId="41" fillId="0" borderId="14" xfId="7" applyFont="1" applyBorder="1" applyAlignment="1">
      <alignment vertical="top"/>
    </xf>
    <xf numFmtId="38" fontId="41" fillId="0" borderId="27" xfId="7" applyFont="1" applyBorder="1" applyAlignment="1">
      <alignment vertical="top"/>
    </xf>
    <xf numFmtId="0" fontId="0" fillId="0" borderId="18" xfId="0" applyBorder="1" applyAlignment="1">
      <alignment vertical="center"/>
    </xf>
    <xf numFmtId="38" fontId="41" fillId="0" borderId="8" xfId="7" applyFont="1" applyBorder="1" applyAlignment="1">
      <alignment vertical="top" wrapText="1"/>
    </xf>
    <xf numFmtId="38" fontId="41" fillId="0" borderId="39" xfId="7" applyFont="1" applyBorder="1" applyAlignment="1">
      <alignment vertical="top" wrapText="1"/>
    </xf>
    <xf numFmtId="38" fontId="41" fillId="0" borderId="53" xfId="7" applyFont="1" applyBorder="1" applyAlignment="1">
      <alignment vertical="top" wrapText="1"/>
    </xf>
    <xf numFmtId="38" fontId="41" fillId="0" borderId="27" xfId="7" applyFont="1" applyBorder="1" applyAlignment="1">
      <alignment vertical="top" wrapText="1"/>
    </xf>
    <xf numFmtId="38" fontId="41" fillId="0" borderId="40" xfId="7" applyFont="1" applyBorder="1" applyAlignment="1">
      <alignment vertical="top" wrapText="1"/>
    </xf>
    <xf numFmtId="38" fontId="41" fillId="0" borderId="8" xfId="7" applyFont="1" applyBorder="1" applyAlignment="1">
      <alignment vertical="center" wrapText="1"/>
    </xf>
    <xf numFmtId="38" fontId="41" fillId="0" borderId="53" xfId="7" applyFont="1" applyBorder="1" applyAlignment="1">
      <alignment vertical="center" wrapText="1"/>
    </xf>
    <xf numFmtId="0" fontId="0" fillId="0" borderId="77" xfId="0" applyBorder="1" applyAlignment="1">
      <alignment horizontal="left" vertical="center"/>
    </xf>
    <xf numFmtId="0" fontId="11" fillId="2" borderId="8" xfId="0" applyFont="1" applyFill="1" applyBorder="1" applyAlignment="1">
      <alignment horizontal="center" vertical="center"/>
    </xf>
    <xf numFmtId="0" fontId="11" fillId="2" borderId="53" xfId="0" applyFont="1" applyFill="1" applyBorder="1" applyAlignment="1">
      <alignment horizontal="center" vertical="center"/>
    </xf>
    <xf numFmtId="0" fontId="11" fillId="2" borderId="38" xfId="0" applyFont="1" applyFill="1" applyBorder="1" applyAlignment="1">
      <alignment horizontal="center" vertical="center"/>
    </xf>
    <xf numFmtId="0" fontId="11" fillId="2" borderId="35" xfId="0" applyFont="1" applyFill="1" applyBorder="1" applyAlignment="1">
      <alignment horizontal="center" vertical="center"/>
    </xf>
    <xf numFmtId="0" fontId="11" fillId="2" borderId="51" xfId="0" applyFont="1" applyFill="1" applyBorder="1" applyAlignment="1">
      <alignment horizontal="center" vertical="center"/>
    </xf>
    <xf numFmtId="0" fontId="11" fillId="2" borderId="9" xfId="0" applyFont="1" applyFill="1" applyBorder="1" applyAlignment="1">
      <alignment horizontal="center" vertical="center"/>
    </xf>
    <xf numFmtId="0" fontId="11" fillId="2" borderId="10" xfId="0" applyFont="1" applyFill="1" applyBorder="1" applyAlignment="1">
      <alignment horizontal="center" vertical="center"/>
    </xf>
    <xf numFmtId="0" fontId="11" fillId="2" borderId="79" xfId="0" applyFont="1" applyFill="1" applyBorder="1" applyAlignment="1">
      <alignment horizontal="center" vertical="center"/>
    </xf>
    <xf numFmtId="0" fontId="11" fillId="0" borderId="4" xfId="0" applyFont="1" applyFill="1" applyBorder="1" applyAlignment="1">
      <alignment horizontal="left" vertical="center" wrapText="1"/>
    </xf>
    <xf numFmtId="0" fontId="11" fillId="0" borderId="5" xfId="0" applyFont="1" applyFill="1" applyBorder="1" applyAlignment="1">
      <alignment horizontal="left" vertical="center" wrapText="1"/>
    </xf>
    <xf numFmtId="0" fontId="11" fillId="0" borderId="7" xfId="0" applyFont="1" applyFill="1" applyBorder="1" applyAlignment="1">
      <alignment horizontal="left" vertical="center" wrapText="1"/>
    </xf>
    <xf numFmtId="0" fontId="11" fillId="0" borderId="3" xfId="0" applyFont="1" applyFill="1" applyBorder="1" applyAlignment="1">
      <alignment horizontal="left" vertical="center"/>
    </xf>
    <xf numFmtId="0" fontId="11" fillId="0" borderId="18" xfId="0" applyFont="1" applyFill="1" applyBorder="1" applyAlignment="1">
      <alignment horizontal="left" vertical="center"/>
    </xf>
  </cellXfs>
  <cellStyles count="8">
    <cellStyle name="桁区切り" xfId="7" builtinId="6"/>
    <cellStyle name="桁区切り 2" xfId="1"/>
    <cellStyle name="桁区切り 3" xfId="6"/>
    <cellStyle name="標準" xfId="0" builtinId="0"/>
    <cellStyle name="標準 2" xfId="2"/>
    <cellStyle name="標準 2 2" xfId="3"/>
    <cellStyle name="標準 3" xfId="4"/>
    <cellStyle name="標準 4" xfId="5"/>
  </cellStyles>
  <dxfs count="0"/>
  <tableStyles count="0" defaultTableStyle="TableStyleMedium2" defaultPivotStyle="PivotStyleLight16"/>
  <colors>
    <mruColors>
      <color rgb="FFCCFFCC"/>
      <color rgb="FFCCFFFF"/>
      <color rgb="FF66FFFF"/>
      <color rgb="FF00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externalLink" Target="externalLinks/externalLink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005742\AppData\Local\Temp\notesD30550\&#20837;&#26413;&#30003;&#35531;&#32013;&#31246;&#35388;&#26126;&#65288;&#26032;&#6528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記入例"/>
      <sheetName val="入力シート"/>
      <sheetName val="A1"/>
      <sheetName val="A2"/>
      <sheetName val="A3"/>
      <sheetName val="B"/>
      <sheetName val="H"/>
      <sheetName val="Ａ'使用印鑑届"/>
      <sheetName val="M 誓約書"/>
      <sheetName val="経審"/>
    </sheetNames>
    <sheetDataSet>
      <sheetData sheetId="0" refreshError="1"/>
      <sheetData sheetId="1">
        <row r="277">
          <cell r="N277">
            <v>1</v>
          </cell>
          <cell r="O277" t="str">
            <v>,</v>
          </cell>
          <cell r="P277" t="str">
            <v xml:space="preserve"> 1 総合商品</v>
          </cell>
        </row>
        <row r="278">
          <cell r="N278">
            <v>2</v>
          </cell>
          <cell r="O278" t="str">
            <v>,</v>
          </cell>
          <cell r="P278" t="str">
            <v xml:space="preserve"> 2 飲食料品</v>
          </cell>
        </row>
        <row r="279">
          <cell r="N279">
            <v>3</v>
          </cell>
          <cell r="O279" t="str">
            <v>,</v>
          </cell>
          <cell r="P279" t="str">
            <v xml:space="preserve"> 3 織物・衣料品</v>
          </cell>
        </row>
        <row r="280">
          <cell r="N280">
            <v>4</v>
          </cell>
          <cell r="O280" t="str">
            <v>,</v>
          </cell>
          <cell r="P280" t="str">
            <v xml:space="preserve"> 4 衣料雑貨・ｱｸｾｻﾘｰ</v>
          </cell>
        </row>
        <row r="281">
          <cell r="N281">
            <v>5</v>
          </cell>
          <cell r="O281" t="str">
            <v>,</v>
          </cell>
          <cell r="P281" t="str">
            <v xml:space="preserve"> 5 日用品雑貨</v>
          </cell>
        </row>
        <row r="282">
          <cell r="N282">
            <v>6</v>
          </cell>
          <cell r="O282" t="str">
            <v>,</v>
          </cell>
          <cell r="P282" t="str">
            <v xml:space="preserve"> 6 寝具</v>
          </cell>
        </row>
        <row r="283">
          <cell r="N283">
            <v>7</v>
          </cell>
          <cell r="O283" t="str">
            <v>,</v>
          </cell>
          <cell r="P283" t="str">
            <v xml:space="preserve"> 7 旗・幕</v>
          </cell>
        </row>
        <row r="284">
          <cell r="N284">
            <v>8</v>
          </cell>
          <cell r="O284" t="str">
            <v>,</v>
          </cell>
          <cell r="P284" t="str">
            <v xml:space="preserve"> 8 記念品</v>
          </cell>
        </row>
        <row r="285">
          <cell r="N285">
            <v>9</v>
          </cell>
          <cell r="O285" t="str">
            <v>,</v>
          </cell>
          <cell r="P285" t="str">
            <v xml:space="preserve"> 9 医薬品</v>
          </cell>
        </row>
        <row r="286">
          <cell r="N286">
            <v>10</v>
          </cell>
          <cell r="O286" t="str">
            <v>,</v>
          </cell>
          <cell r="P286" t="str">
            <v>10 化学工業薬品</v>
          </cell>
        </row>
        <row r="287">
          <cell r="N287">
            <v>11</v>
          </cell>
          <cell r="O287" t="str">
            <v>,</v>
          </cell>
          <cell r="P287" t="str">
            <v>11 燃料</v>
          </cell>
        </row>
        <row r="288">
          <cell r="N288">
            <v>12</v>
          </cell>
          <cell r="O288" t="str">
            <v>,</v>
          </cell>
          <cell r="P288" t="str">
            <v>12 教育材料</v>
          </cell>
        </row>
        <row r="289">
          <cell r="N289">
            <v>13</v>
          </cell>
          <cell r="O289" t="str">
            <v>,</v>
          </cell>
          <cell r="P289" t="str">
            <v>13 書籍</v>
          </cell>
        </row>
        <row r="290">
          <cell r="N290">
            <v>14</v>
          </cell>
          <cell r="O290" t="str">
            <v>,</v>
          </cell>
          <cell r="P290" t="str">
            <v>14 事務用品・事務機器</v>
          </cell>
        </row>
        <row r="291">
          <cell r="N291">
            <v>15</v>
          </cell>
          <cell r="O291" t="str">
            <v>,</v>
          </cell>
          <cell r="P291" t="str">
            <v>15 用紙類</v>
          </cell>
        </row>
        <row r="292">
          <cell r="N292">
            <v>16</v>
          </cell>
          <cell r="O292" t="str">
            <v>,</v>
          </cell>
          <cell r="P292" t="str">
            <v>16 選挙関係用品</v>
          </cell>
        </row>
        <row r="293">
          <cell r="N293">
            <v>17</v>
          </cell>
          <cell r="O293" t="str">
            <v>,</v>
          </cell>
          <cell r="P293" t="str">
            <v>17 娯楽用品</v>
          </cell>
        </row>
        <row r="294">
          <cell r="N294">
            <v>18</v>
          </cell>
          <cell r="O294" t="str">
            <v>,</v>
          </cell>
          <cell r="P294" t="str">
            <v>18 楽器</v>
          </cell>
        </row>
        <row r="295">
          <cell r="N295">
            <v>19</v>
          </cell>
          <cell r="O295" t="str">
            <v>,</v>
          </cell>
          <cell r="P295" t="str">
            <v>19 動物・飼料</v>
          </cell>
        </row>
        <row r="296">
          <cell r="N296">
            <v>20</v>
          </cell>
          <cell r="O296" t="str">
            <v>,</v>
          </cell>
          <cell r="P296" t="str">
            <v>20 スポーツ用品</v>
          </cell>
        </row>
        <row r="297">
          <cell r="N297">
            <v>21</v>
          </cell>
          <cell r="O297" t="str">
            <v>,</v>
          </cell>
          <cell r="P297" t="str">
            <v>21 文化品</v>
          </cell>
        </row>
        <row r="298">
          <cell r="N298">
            <v>22</v>
          </cell>
          <cell r="O298" t="str">
            <v>,</v>
          </cell>
          <cell r="P298" t="str">
            <v>22 園芸・農耕用品</v>
          </cell>
        </row>
        <row r="299">
          <cell r="N299">
            <v>23</v>
          </cell>
          <cell r="O299" t="str">
            <v>,</v>
          </cell>
          <cell r="P299" t="str">
            <v>23 自動車</v>
          </cell>
        </row>
        <row r="300">
          <cell r="N300">
            <v>24</v>
          </cell>
          <cell r="O300" t="str">
            <v>,</v>
          </cell>
          <cell r="P300" t="str">
            <v>24 特殊自動車</v>
          </cell>
        </row>
        <row r="301">
          <cell r="N301">
            <v>25</v>
          </cell>
          <cell r="O301" t="str">
            <v>,</v>
          </cell>
          <cell r="P301" t="str">
            <v>25 二輪車</v>
          </cell>
        </row>
        <row r="302">
          <cell r="N302">
            <v>26</v>
          </cell>
          <cell r="O302" t="str">
            <v>,</v>
          </cell>
          <cell r="P302" t="str">
            <v>26 車両用品・修理</v>
          </cell>
        </row>
        <row r="303">
          <cell r="N303">
            <v>27</v>
          </cell>
          <cell r="O303" t="str">
            <v>,</v>
          </cell>
          <cell r="P303" t="str">
            <v>27 家具</v>
          </cell>
        </row>
        <row r="304">
          <cell r="N304">
            <v>28</v>
          </cell>
          <cell r="O304" t="str">
            <v>,</v>
          </cell>
          <cell r="P304" t="str">
            <v>28 インテリア用品</v>
          </cell>
        </row>
        <row r="305">
          <cell r="N305">
            <v>29</v>
          </cell>
          <cell r="O305" t="str">
            <v>,</v>
          </cell>
          <cell r="P305" t="str">
            <v>29 風呂</v>
          </cell>
        </row>
        <row r="306">
          <cell r="N306">
            <v>30</v>
          </cell>
          <cell r="O306" t="str">
            <v>,</v>
          </cell>
          <cell r="P306" t="str">
            <v>30 建材(鉄鋼材)</v>
          </cell>
        </row>
        <row r="307">
          <cell r="N307">
            <v>31</v>
          </cell>
          <cell r="O307" t="str">
            <v>,</v>
          </cell>
          <cell r="P307" t="str">
            <v>31 建材(セメント等)</v>
          </cell>
        </row>
        <row r="308">
          <cell r="N308">
            <v>32</v>
          </cell>
          <cell r="O308" t="str">
            <v>,</v>
          </cell>
          <cell r="P308" t="str">
            <v>32 建材(木材)</v>
          </cell>
        </row>
        <row r="309">
          <cell r="N309">
            <v>33</v>
          </cell>
          <cell r="O309" t="str">
            <v>,</v>
          </cell>
          <cell r="P309" t="str">
            <v>33 建材(道路等)</v>
          </cell>
        </row>
        <row r="310">
          <cell r="N310">
            <v>34</v>
          </cell>
          <cell r="O310" t="str">
            <v>,</v>
          </cell>
          <cell r="P310" t="str">
            <v>34 建材(建具)</v>
          </cell>
        </row>
        <row r="311">
          <cell r="N311">
            <v>35</v>
          </cell>
          <cell r="O311" t="str">
            <v>,</v>
          </cell>
          <cell r="P311" t="str">
            <v>35 家電製品</v>
          </cell>
        </row>
        <row r="312">
          <cell r="N312">
            <v>36</v>
          </cell>
          <cell r="O312" t="str">
            <v>,</v>
          </cell>
          <cell r="P312" t="str">
            <v>36 情報通信機器</v>
          </cell>
        </row>
        <row r="313">
          <cell r="N313">
            <v>37</v>
          </cell>
          <cell r="O313" t="str">
            <v>,</v>
          </cell>
          <cell r="P313" t="str">
            <v>37 厨房用機器</v>
          </cell>
        </row>
        <row r="314">
          <cell r="N314">
            <v>38</v>
          </cell>
          <cell r="O314" t="str">
            <v>,</v>
          </cell>
          <cell r="P314" t="str">
            <v>38 消防用機器</v>
          </cell>
        </row>
        <row r="315">
          <cell r="N315">
            <v>39</v>
          </cell>
          <cell r="O315" t="str">
            <v>,</v>
          </cell>
          <cell r="P315" t="str">
            <v>39 医療用機器</v>
          </cell>
        </row>
        <row r="316">
          <cell r="N316">
            <v>40</v>
          </cell>
          <cell r="O316" t="str">
            <v>,</v>
          </cell>
          <cell r="P316" t="str">
            <v>40 建設関連機器</v>
          </cell>
        </row>
        <row r="317">
          <cell r="N317">
            <v>41</v>
          </cell>
          <cell r="O317" t="str">
            <v>,</v>
          </cell>
          <cell r="P317" t="str">
            <v>41 理化学機器</v>
          </cell>
        </row>
        <row r="318">
          <cell r="N318">
            <v>42</v>
          </cell>
          <cell r="O318" t="str">
            <v>,</v>
          </cell>
          <cell r="P318" t="str">
            <v>42 精密・計測機器</v>
          </cell>
        </row>
        <row r="319">
          <cell r="N319">
            <v>43</v>
          </cell>
          <cell r="O319" t="str">
            <v>,</v>
          </cell>
          <cell r="P319" t="str">
            <v>43 電気・ガス等</v>
          </cell>
        </row>
        <row r="320">
          <cell r="N320">
            <v>44</v>
          </cell>
          <cell r="O320" t="str">
            <v>,</v>
          </cell>
          <cell r="P320" t="str">
            <v>44 リース・レンタル</v>
          </cell>
        </row>
        <row r="321">
          <cell r="N321">
            <v>45</v>
          </cell>
          <cell r="O321" t="str">
            <v>,</v>
          </cell>
          <cell r="P321" t="str">
            <v>45 警備業務</v>
          </cell>
        </row>
        <row r="322">
          <cell r="N322">
            <v>46</v>
          </cell>
          <cell r="O322" t="str">
            <v>,</v>
          </cell>
          <cell r="P322" t="str">
            <v>46 建物保守管理</v>
          </cell>
        </row>
        <row r="323">
          <cell r="N323">
            <v>47</v>
          </cell>
          <cell r="O323" t="str">
            <v>,</v>
          </cell>
          <cell r="P323" t="str">
            <v>47 電気設備保守</v>
          </cell>
        </row>
        <row r="324">
          <cell r="N324">
            <v>48</v>
          </cell>
          <cell r="O324" t="str">
            <v>,</v>
          </cell>
          <cell r="P324" t="str">
            <v>48 機械設備保守</v>
          </cell>
        </row>
        <row r="325">
          <cell r="N325">
            <v>49</v>
          </cell>
          <cell r="O325" t="str">
            <v>,</v>
          </cell>
          <cell r="P325" t="str">
            <v>49 消防設備保守</v>
          </cell>
        </row>
        <row r="326">
          <cell r="N326">
            <v>50</v>
          </cell>
          <cell r="O326" t="str">
            <v>,</v>
          </cell>
          <cell r="P326" t="str">
            <v>50 通信設備保守</v>
          </cell>
        </row>
        <row r="327">
          <cell r="N327">
            <v>51</v>
          </cell>
          <cell r="O327" t="str">
            <v>,</v>
          </cell>
          <cell r="P327" t="str">
            <v>51 浄化槽保守</v>
          </cell>
        </row>
        <row r="328">
          <cell r="N328">
            <v>52</v>
          </cell>
          <cell r="O328" t="str">
            <v>,</v>
          </cell>
          <cell r="P328" t="str">
            <v>52 害虫駆除</v>
          </cell>
        </row>
        <row r="329">
          <cell r="N329">
            <v>53</v>
          </cell>
          <cell r="O329" t="str">
            <v>,</v>
          </cell>
          <cell r="P329" t="str">
            <v>53 公園緑地等管理</v>
          </cell>
        </row>
        <row r="330">
          <cell r="N330">
            <v>54</v>
          </cell>
          <cell r="O330" t="str">
            <v>,</v>
          </cell>
          <cell r="P330" t="str">
            <v>54 建物清掃</v>
          </cell>
        </row>
        <row r="331">
          <cell r="N331">
            <v>55</v>
          </cell>
          <cell r="O331" t="str">
            <v>,</v>
          </cell>
          <cell r="P331" t="str">
            <v>55 道路・公園清掃</v>
          </cell>
        </row>
        <row r="332">
          <cell r="N332">
            <v>56</v>
          </cell>
          <cell r="O332" t="str">
            <v>,</v>
          </cell>
          <cell r="P332" t="str">
            <v>56 人材派遣</v>
          </cell>
        </row>
        <row r="333">
          <cell r="N333">
            <v>57</v>
          </cell>
          <cell r="O333" t="str">
            <v>,</v>
          </cell>
          <cell r="P333" t="str">
            <v>57 情報処理業務</v>
          </cell>
        </row>
        <row r="334">
          <cell r="N334">
            <v>58</v>
          </cell>
          <cell r="O334" t="str">
            <v>,</v>
          </cell>
          <cell r="P334" t="str">
            <v>58 システム開発業務</v>
          </cell>
        </row>
        <row r="335">
          <cell r="N335">
            <v>59</v>
          </cell>
          <cell r="O335" t="str">
            <v>,</v>
          </cell>
          <cell r="P335" t="str">
            <v>59 ｵﾌｨｽｻﾎﾟｰﾄ業務</v>
          </cell>
        </row>
        <row r="336">
          <cell r="N336">
            <v>60</v>
          </cell>
          <cell r="O336" t="str">
            <v>,</v>
          </cell>
          <cell r="P336" t="str">
            <v>60 医療・福祉業務</v>
          </cell>
        </row>
        <row r="337">
          <cell r="N337">
            <v>61</v>
          </cell>
          <cell r="O337" t="str">
            <v>,</v>
          </cell>
          <cell r="P337" t="str">
            <v>61 水道関連業務</v>
          </cell>
        </row>
        <row r="338">
          <cell r="N338">
            <v>62</v>
          </cell>
          <cell r="O338" t="str">
            <v>,</v>
          </cell>
          <cell r="P338" t="str">
            <v>62 クリーニング</v>
          </cell>
        </row>
        <row r="339">
          <cell r="N339">
            <v>63</v>
          </cell>
          <cell r="O339" t="str">
            <v>,</v>
          </cell>
          <cell r="P339" t="str">
            <v>63 イベント企画運営</v>
          </cell>
        </row>
        <row r="340">
          <cell r="N340">
            <v>64</v>
          </cell>
          <cell r="O340" t="str">
            <v>,</v>
          </cell>
          <cell r="P340" t="str">
            <v>64 映画・ビデオ制作</v>
          </cell>
        </row>
        <row r="341">
          <cell r="N341">
            <v>65</v>
          </cell>
          <cell r="O341" t="str">
            <v>,</v>
          </cell>
          <cell r="P341" t="str">
            <v>65 広告企画制作</v>
          </cell>
        </row>
        <row r="342">
          <cell r="N342">
            <v>66</v>
          </cell>
          <cell r="O342" t="str">
            <v>,</v>
          </cell>
          <cell r="P342" t="str">
            <v>66 看板・標識製作</v>
          </cell>
        </row>
        <row r="343">
          <cell r="N343">
            <v>67</v>
          </cell>
          <cell r="O343" t="str">
            <v>,</v>
          </cell>
          <cell r="P343" t="str">
            <v>67 運送･輸送･運行管理</v>
          </cell>
        </row>
        <row r="344">
          <cell r="N344">
            <v>68</v>
          </cell>
          <cell r="O344" t="str">
            <v>,</v>
          </cell>
          <cell r="P344" t="str">
            <v>68 廃棄物処理</v>
          </cell>
        </row>
        <row r="345">
          <cell r="N345">
            <v>69</v>
          </cell>
          <cell r="O345" t="str">
            <v>,</v>
          </cell>
          <cell r="P345" t="str">
            <v>69 古物・廃品回収</v>
          </cell>
        </row>
        <row r="346">
          <cell r="N346">
            <v>70</v>
          </cell>
          <cell r="O346" t="str">
            <v>,</v>
          </cell>
          <cell r="P346" t="str">
            <v>70 写真</v>
          </cell>
        </row>
        <row r="347">
          <cell r="N347">
            <v>71</v>
          </cell>
          <cell r="O347" t="str">
            <v>,</v>
          </cell>
          <cell r="P347" t="str">
            <v>71 マイクロ写真</v>
          </cell>
        </row>
        <row r="348">
          <cell r="N348">
            <v>72</v>
          </cell>
          <cell r="O348" t="str">
            <v>,</v>
          </cell>
          <cell r="P348" t="str">
            <v>72 航空写真</v>
          </cell>
        </row>
        <row r="349">
          <cell r="N349">
            <v>73</v>
          </cell>
          <cell r="O349" t="str">
            <v>,</v>
          </cell>
          <cell r="P349" t="str">
            <v>73 印刷</v>
          </cell>
        </row>
        <row r="350">
          <cell r="N350">
            <v>74</v>
          </cell>
          <cell r="O350" t="str">
            <v>,</v>
          </cell>
          <cell r="P350" t="str">
            <v>74 フォーム印刷</v>
          </cell>
        </row>
        <row r="351">
          <cell r="N351">
            <v>75</v>
          </cell>
          <cell r="O351" t="str">
            <v>,</v>
          </cell>
          <cell r="P351" t="str">
            <v>75 青写真焼付</v>
          </cell>
        </row>
        <row r="352">
          <cell r="N352">
            <v>76</v>
          </cell>
          <cell r="O352" t="str">
            <v>,</v>
          </cell>
          <cell r="P352" t="str">
            <v>76 特殊印刷</v>
          </cell>
        </row>
        <row r="353">
          <cell r="N353">
            <v>77</v>
          </cell>
          <cell r="O353" t="str">
            <v>,</v>
          </cell>
          <cell r="P353" t="str">
            <v>77 市場・世論調査</v>
          </cell>
        </row>
        <row r="354">
          <cell r="N354">
            <v>78</v>
          </cell>
          <cell r="O354" t="str">
            <v>,</v>
          </cell>
          <cell r="P354" t="str">
            <v>78 臨床検査</v>
          </cell>
        </row>
        <row r="355">
          <cell r="N355">
            <v>79</v>
          </cell>
          <cell r="O355" t="str">
            <v>,</v>
          </cell>
          <cell r="P355" t="str">
            <v>79 管内ＴＶカメラ調査</v>
          </cell>
        </row>
        <row r="356">
          <cell r="N356">
            <v>80</v>
          </cell>
          <cell r="O356" t="str">
            <v>,</v>
          </cell>
          <cell r="P356" t="str">
            <v>80 その他</v>
          </cell>
        </row>
      </sheetData>
      <sheetData sheetId="2" refreshError="1"/>
      <sheetData sheetId="3" refreshError="1"/>
      <sheetData sheetId="4" refreshError="1"/>
      <sheetData sheetId="5" refreshError="1"/>
      <sheetData sheetId="6"/>
      <sheetData sheetId="7" refreshError="1"/>
      <sheetData sheetId="8" refreshError="1"/>
      <sheetData sheetId="9"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65"/>
  <sheetViews>
    <sheetView topLeftCell="A4" workbookViewId="0">
      <selection activeCell="I25" sqref="I25"/>
    </sheetView>
  </sheetViews>
  <sheetFormatPr defaultRowHeight="13.5"/>
  <cols>
    <col min="1" max="1" width="16.125" style="1" bestFit="1" customWidth="1"/>
    <col min="2" max="2" width="9" style="1"/>
    <col min="3" max="3" width="7.625" style="1" customWidth="1"/>
    <col min="4" max="4" width="9" style="1"/>
    <col min="5" max="5" width="8.25" style="1" customWidth="1"/>
    <col min="6" max="16384" width="9" style="1"/>
  </cols>
  <sheetData>
    <row r="1" spans="1:9">
      <c r="A1" s="1" t="s">
        <v>10</v>
      </c>
    </row>
    <row r="2" spans="1:9" ht="21" customHeight="1"/>
    <row r="3" spans="1:9" ht="21" customHeight="1"/>
    <row r="4" spans="1:9" ht="21" customHeight="1"/>
    <row r="5" spans="1:9" ht="21" customHeight="1"/>
    <row r="6" spans="1:9" ht="21" customHeight="1"/>
    <row r="7" spans="1:9" ht="21" customHeight="1">
      <c r="A7" s="269" t="s">
        <v>11</v>
      </c>
      <c r="B7" s="269"/>
      <c r="C7" s="269"/>
      <c r="D7" s="269"/>
      <c r="E7" s="269"/>
      <c r="F7" s="269"/>
      <c r="G7" s="269"/>
      <c r="H7" s="269"/>
      <c r="I7" s="269"/>
    </row>
    <row r="8" spans="1:9" ht="21" customHeight="1">
      <c r="A8" s="2"/>
      <c r="B8" s="2"/>
      <c r="C8" s="2"/>
      <c r="D8" s="2"/>
      <c r="E8" s="2"/>
      <c r="F8" s="2"/>
      <c r="G8" s="2"/>
      <c r="H8" s="2"/>
      <c r="I8" s="2"/>
    </row>
    <row r="9" spans="1:9" ht="21" customHeight="1">
      <c r="A9" s="2"/>
      <c r="B9" s="2"/>
      <c r="C9" s="2"/>
      <c r="D9" s="2"/>
      <c r="E9" s="2"/>
      <c r="F9" s="2"/>
      <c r="G9" s="2"/>
      <c r="H9" s="2"/>
      <c r="I9" s="2"/>
    </row>
    <row r="10" spans="1:9" ht="21" customHeight="1">
      <c r="A10" s="2"/>
      <c r="B10" s="2"/>
      <c r="C10" s="2"/>
      <c r="D10" s="2"/>
      <c r="E10" s="2"/>
      <c r="F10" s="2"/>
      <c r="G10" s="2"/>
      <c r="H10" s="2"/>
      <c r="I10" s="2"/>
    </row>
    <row r="11" spans="1:9" ht="21" customHeight="1">
      <c r="A11" s="2"/>
      <c r="B11" s="2"/>
      <c r="C11" s="2"/>
      <c r="D11" s="2"/>
      <c r="E11" s="2"/>
      <c r="F11" s="2"/>
      <c r="G11" s="2"/>
      <c r="H11" s="2"/>
      <c r="I11" s="2"/>
    </row>
    <row r="12" spans="1:9" ht="21" customHeight="1">
      <c r="A12" s="2"/>
      <c r="B12" s="2"/>
      <c r="C12" s="2"/>
      <c r="D12" s="2"/>
      <c r="E12" s="2"/>
      <c r="F12" s="2"/>
      <c r="G12" s="2"/>
      <c r="H12" s="2"/>
      <c r="I12" s="2"/>
    </row>
    <row r="13" spans="1:9" ht="21" customHeight="1">
      <c r="A13" s="270" t="s">
        <v>397</v>
      </c>
      <c r="B13" s="271"/>
      <c r="C13" s="271"/>
      <c r="D13" s="271"/>
      <c r="E13" s="271"/>
      <c r="F13" s="271"/>
      <c r="G13" s="271"/>
      <c r="H13" s="271"/>
      <c r="I13" s="271"/>
    </row>
    <row r="14" spans="1:9" ht="21" customHeight="1">
      <c r="A14" s="271"/>
      <c r="B14" s="271"/>
      <c r="C14" s="271"/>
      <c r="D14" s="271"/>
      <c r="E14" s="271"/>
      <c r="F14" s="271"/>
      <c r="G14" s="271"/>
      <c r="H14" s="271"/>
      <c r="I14" s="271"/>
    </row>
    <row r="15" spans="1:9" ht="21" customHeight="1">
      <c r="A15" s="2"/>
      <c r="B15" s="2"/>
      <c r="C15" s="2"/>
      <c r="D15" s="2"/>
      <c r="E15" s="2"/>
      <c r="F15" s="2"/>
      <c r="G15" s="2"/>
      <c r="H15" s="2"/>
      <c r="I15" s="2"/>
    </row>
    <row r="16" spans="1:9" ht="21" customHeight="1">
      <c r="G16" s="1" t="s">
        <v>384</v>
      </c>
    </row>
    <row r="17" spans="1:9" ht="21" customHeight="1"/>
    <row r="18" spans="1:9" ht="21" customHeight="1">
      <c r="A18" s="1" t="s">
        <v>12</v>
      </c>
    </row>
    <row r="19" spans="1:9" ht="21" customHeight="1"/>
    <row r="20" spans="1:9" ht="21" customHeight="1">
      <c r="E20" s="1" t="s">
        <v>13</v>
      </c>
    </row>
    <row r="21" spans="1:9" ht="21" customHeight="1">
      <c r="E21" s="1" t="s">
        <v>0</v>
      </c>
    </row>
    <row r="22" spans="1:9" ht="6.95" customHeight="1"/>
    <row r="23" spans="1:9" ht="21" customHeight="1">
      <c r="E23" s="1" t="s">
        <v>1</v>
      </c>
    </row>
    <row r="24" spans="1:9" ht="6.95" customHeight="1"/>
    <row r="25" spans="1:9" ht="21" customHeight="1">
      <c r="E25" s="1" t="s">
        <v>2</v>
      </c>
      <c r="I25" s="3"/>
    </row>
    <row r="26" spans="1:9" ht="6.95" customHeight="1"/>
    <row r="27" spans="1:9" ht="21" customHeight="1">
      <c r="E27" s="1" t="s">
        <v>14</v>
      </c>
    </row>
    <row r="28" spans="1:9" ht="21" customHeight="1"/>
    <row r="29" spans="1:9" ht="21" customHeight="1"/>
    <row r="30" spans="1:9" ht="21" customHeight="1">
      <c r="E30" s="1" t="s">
        <v>15</v>
      </c>
    </row>
    <row r="31" spans="1:9" ht="21" customHeight="1">
      <c r="E31" s="1" t="s">
        <v>3</v>
      </c>
    </row>
    <row r="32" spans="1:9" ht="6.95" customHeight="1"/>
    <row r="33" spans="5:5" ht="21" customHeight="1">
      <c r="E33" s="1" t="s">
        <v>4</v>
      </c>
    </row>
    <row r="34" spans="5:5" ht="6.95" customHeight="1"/>
    <row r="35" spans="5:5" ht="21" customHeight="1">
      <c r="E35" s="1" t="s">
        <v>5</v>
      </c>
    </row>
    <row r="36" spans="5:5" ht="6.95" customHeight="1"/>
    <row r="37" spans="5:5" ht="21" customHeight="1">
      <c r="E37" s="1" t="s">
        <v>16</v>
      </c>
    </row>
    <row r="38" spans="5:5" ht="6.95" customHeight="1"/>
    <row r="39" spans="5:5" ht="21" customHeight="1">
      <c r="E39" s="1" t="s">
        <v>6</v>
      </c>
    </row>
    <row r="40" spans="5:5" ht="30" customHeight="1"/>
    <row r="65" spans="1:1">
      <c r="A65" s="1" t="s">
        <v>17</v>
      </c>
    </row>
  </sheetData>
  <mergeCells count="2">
    <mergeCell ref="A7:I7"/>
    <mergeCell ref="A13:I14"/>
  </mergeCells>
  <phoneticPr fontId="3"/>
  <pageMargins left="0.82677165354330717" right="0.70866141732283472" top="0.98425196850393704" bottom="0.62992125984251968" header="0.31496062992125984" footer="0.31496062992125984"/>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44"/>
  <sheetViews>
    <sheetView view="pageBreakPreview" zoomScale="60" zoomScaleNormal="100" workbookViewId="0"/>
  </sheetViews>
  <sheetFormatPr defaultRowHeight="13.5"/>
  <cols>
    <col min="1" max="1" width="14.5" style="4" customWidth="1"/>
    <col min="2" max="3" width="12.625" style="4" customWidth="1"/>
    <col min="4" max="5" width="10.625" style="4" customWidth="1"/>
    <col min="6" max="7" width="12.625" style="4" customWidth="1"/>
    <col min="8" max="8" width="1.25" style="4" customWidth="1"/>
    <col min="9" max="256" width="9" style="4"/>
    <col min="257" max="257" width="14.5" style="4" customWidth="1"/>
    <col min="258" max="259" width="12.625" style="4" customWidth="1"/>
    <col min="260" max="261" width="10.625" style="4" customWidth="1"/>
    <col min="262" max="263" width="12.625" style="4" customWidth="1"/>
    <col min="264" max="264" width="1.25" style="4" customWidth="1"/>
    <col min="265" max="512" width="9" style="4"/>
    <col min="513" max="513" width="14.5" style="4" customWidth="1"/>
    <col min="514" max="515" width="12.625" style="4" customWidth="1"/>
    <col min="516" max="517" width="10.625" style="4" customWidth="1"/>
    <col min="518" max="519" width="12.625" style="4" customWidth="1"/>
    <col min="520" max="520" width="1.25" style="4" customWidth="1"/>
    <col min="521" max="768" width="9" style="4"/>
    <col min="769" max="769" width="14.5" style="4" customWidth="1"/>
    <col min="770" max="771" width="12.625" style="4" customWidth="1"/>
    <col min="772" max="773" width="10.625" style="4" customWidth="1"/>
    <col min="774" max="775" width="12.625" style="4" customWidth="1"/>
    <col min="776" max="776" width="1.25" style="4" customWidth="1"/>
    <col min="777" max="1024" width="9" style="4"/>
    <col min="1025" max="1025" width="14.5" style="4" customWidth="1"/>
    <col min="1026" max="1027" width="12.625" style="4" customWidth="1"/>
    <col min="1028" max="1029" width="10.625" style="4" customWidth="1"/>
    <col min="1030" max="1031" width="12.625" style="4" customWidth="1"/>
    <col min="1032" max="1032" width="1.25" style="4" customWidth="1"/>
    <col min="1033" max="1280" width="9" style="4"/>
    <col min="1281" max="1281" width="14.5" style="4" customWidth="1"/>
    <col min="1282" max="1283" width="12.625" style="4" customWidth="1"/>
    <col min="1284" max="1285" width="10.625" style="4" customWidth="1"/>
    <col min="1286" max="1287" width="12.625" style="4" customWidth="1"/>
    <col min="1288" max="1288" width="1.25" style="4" customWidth="1"/>
    <col min="1289" max="1536" width="9" style="4"/>
    <col min="1537" max="1537" width="14.5" style="4" customWidth="1"/>
    <col min="1538" max="1539" width="12.625" style="4" customWidth="1"/>
    <col min="1540" max="1541" width="10.625" style="4" customWidth="1"/>
    <col min="1542" max="1543" width="12.625" style="4" customWidth="1"/>
    <col min="1544" max="1544" width="1.25" style="4" customWidth="1"/>
    <col min="1545" max="1792" width="9" style="4"/>
    <col min="1793" max="1793" width="14.5" style="4" customWidth="1"/>
    <col min="1794" max="1795" width="12.625" style="4" customWidth="1"/>
    <col min="1796" max="1797" width="10.625" style="4" customWidth="1"/>
    <col min="1798" max="1799" width="12.625" style="4" customWidth="1"/>
    <col min="1800" max="1800" width="1.25" style="4" customWidth="1"/>
    <col min="1801" max="2048" width="9" style="4"/>
    <col min="2049" max="2049" width="14.5" style="4" customWidth="1"/>
    <col min="2050" max="2051" width="12.625" style="4" customWidth="1"/>
    <col min="2052" max="2053" width="10.625" style="4" customWidth="1"/>
    <col min="2054" max="2055" width="12.625" style="4" customWidth="1"/>
    <col min="2056" max="2056" width="1.25" style="4" customWidth="1"/>
    <col min="2057" max="2304" width="9" style="4"/>
    <col min="2305" max="2305" width="14.5" style="4" customWidth="1"/>
    <col min="2306" max="2307" width="12.625" style="4" customWidth="1"/>
    <col min="2308" max="2309" width="10.625" style="4" customWidth="1"/>
    <col min="2310" max="2311" width="12.625" style="4" customWidth="1"/>
    <col min="2312" max="2312" width="1.25" style="4" customWidth="1"/>
    <col min="2313" max="2560" width="9" style="4"/>
    <col min="2561" max="2561" width="14.5" style="4" customWidth="1"/>
    <col min="2562" max="2563" width="12.625" style="4" customWidth="1"/>
    <col min="2564" max="2565" width="10.625" style="4" customWidth="1"/>
    <col min="2566" max="2567" width="12.625" style="4" customWidth="1"/>
    <col min="2568" max="2568" width="1.25" style="4" customWidth="1"/>
    <col min="2569" max="2816" width="9" style="4"/>
    <col min="2817" max="2817" width="14.5" style="4" customWidth="1"/>
    <col min="2818" max="2819" width="12.625" style="4" customWidth="1"/>
    <col min="2820" max="2821" width="10.625" style="4" customWidth="1"/>
    <col min="2822" max="2823" width="12.625" style="4" customWidth="1"/>
    <col min="2824" max="2824" width="1.25" style="4" customWidth="1"/>
    <col min="2825" max="3072" width="9" style="4"/>
    <col min="3073" max="3073" width="14.5" style="4" customWidth="1"/>
    <col min="3074" max="3075" width="12.625" style="4" customWidth="1"/>
    <col min="3076" max="3077" width="10.625" style="4" customWidth="1"/>
    <col min="3078" max="3079" width="12.625" style="4" customWidth="1"/>
    <col min="3080" max="3080" width="1.25" style="4" customWidth="1"/>
    <col min="3081" max="3328" width="9" style="4"/>
    <col min="3329" max="3329" width="14.5" style="4" customWidth="1"/>
    <col min="3330" max="3331" width="12.625" style="4" customWidth="1"/>
    <col min="3332" max="3333" width="10.625" style="4" customWidth="1"/>
    <col min="3334" max="3335" width="12.625" style="4" customWidth="1"/>
    <col min="3336" max="3336" width="1.25" style="4" customWidth="1"/>
    <col min="3337" max="3584" width="9" style="4"/>
    <col min="3585" max="3585" width="14.5" style="4" customWidth="1"/>
    <col min="3586" max="3587" width="12.625" style="4" customWidth="1"/>
    <col min="3588" max="3589" width="10.625" style="4" customWidth="1"/>
    <col min="3590" max="3591" width="12.625" style="4" customWidth="1"/>
    <col min="3592" max="3592" width="1.25" style="4" customWidth="1"/>
    <col min="3593" max="3840" width="9" style="4"/>
    <col min="3841" max="3841" width="14.5" style="4" customWidth="1"/>
    <col min="3842" max="3843" width="12.625" style="4" customWidth="1"/>
    <col min="3844" max="3845" width="10.625" style="4" customWidth="1"/>
    <col min="3846" max="3847" width="12.625" style="4" customWidth="1"/>
    <col min="3848" max="3848" width="1.25" style="4" customWidth="1"/>
    <col min="3849" max="4096" width="9" style="4"/>
    <col min="4097" max="4097" width="14.5" style="4" customWidth="1"/>
    <col min="4098" max="4099" width="12.625" style="4" customWidth="1"/>
    <col min="4100" max="4101" width="10.625" style="4" customWidth="1"/>
    <col min="4102" max="4103" width="12.625" style="4" customWidth="1"/>
    <col min="4104" max="4104" width="1.25" style="4" customWidth="1"/>
    <col min="4105" max="4352" width="9" style="4"/>
    <col min="4353" max="4353" width="14.5" style="4" customWidth="1"/>
    <col min="4354" max="4355" width="12.625" style="4" customWidth="1"/>
    <col min="4356" max="4357" width="10.625" style="4" customWidth="1"/>
    <col min="4358" max="4359" width="12.625" style="4" customWidth="1"/>
    <col min="4360" max="4360" width="1.25" style="4" customWidth="1"/>
    <col min="4361" max="4608" width="9" style="4"/>
    <col min="4609" max="4609" width="14.5" style="4" customWidth="1"/>
    <col min="4610" max="4611" width="12.625" style="4" customWidth="1"/>
    <col min="4612" max="4613" width="10.625" style="4" customWidth="1"/>
    <col min="4614" max="4615" width="12.625" style="4" customWidth="1"/>
    <col min="4616" max="4616" width="1.25" style="4" customWidth="1"/>
    <col min="4617" max="4864" width="9" style="4"/>
    <col min="4865" max="4865" width="14.5" style="4" customWidth="1"/>
    <col min="4866" max="4867" width="12.625" style="4" customWidth="1"/>
    <col min="4868" max="4869" width="10.625" style="4" customWidth="1"/>
    <col min="4870" max="4871" width="12.625" style="4" customWidth="1"/>
    <col min="4872" max="4872" width="1.25" style="4" customWidth="1"/>
    <col min="4873" max="5120" width="9" style="4"/>
    <col min="5121" max="5121" width="14.5" style="4" customWidth="1"/>
    <col min="5122" max="5123" width="12.625" style="4" customWidth="1"/>
    <col min="5124" max="5125" width="10.625" style="4" customWidth="1"/>
    <col min="5126" max="5127" width="12.625" style="4" customWidth="1"/>
    <col min="5128" max="5128" width="1.25" style="4" customWidth="1"/>
    <col min="5129" max="5376" width="9" style="4"/>
    <col min="5377" max="5377" width="14.5" style="4" customWidth="1"/>
    <col min="5378" max="5379" width="12.625" style="4" customWidth="1"/>
    <col min="5380" max="5381" width="10.625" style="4" customWidth="1"/>
    <col min="5382" max="5383" width="12.625" style="4" customWidth="1"/>
    <col min="5384" max="5384" width="1.25" style="4" customWidth="1"/>
    <col min="5385" max="5632" width="9" style="4"/>
    <col min="5633" max="5633" width="14.5" style="4" customWidth="1"/>
    <col min="5634" max="5635" width="12.625" style="4" customWidth="1"/>
    <col min="5636" max="5637" width="10.625" style="4" customWidth="1"/>
    <col min="5638" max="5639" width="12.625" style="4" customWidth="1"/>
    <col min="5640" max="5640" width="1.25" style="4" customWidth="1"/>
    <col min="5641" max="5888" width="9" style="4"/>
    <col min="5889" max="5889" width="14.5" style="4" customWidth="1"/>
    <col min="5890" max="5891" width="12.625" style="4" customWidth="1"/>
    <col min="5892" max="5893" width="10.625" style="4" customWidth="1"/>
    <col min="5894" max="5895" width="12.625" style="4" customWidth="1"/>
    <col min="5896" max="5896" width="1.25" style="4" customWidth="1"/>
    <col min="5897" max="6144" width="9" style="4"/>
    <col min="6145" max="6145" width="14.5" style="4" customWidth="1"/>
    <col min="6146" max="6147" width="12.625" style="4" customWidth="1"/>
    <col min="6148" max="6149" width="10.625" style="4" customWidth="1"/>
    <col min="6150" max="6151" width="12.625" style="4" customWidth="1"/>
    <col min="6152" max="6152" width="1.25" style="4" customWidth="1"/>
    <col min="6153" max="6400" width="9" style="4"/>
    <col min="6401" max="6401" width="14.5" style="4" customWidth="1"/>
    <col min="6402" max="6403" width="12.625" style="4" customWidth="1"/>
    <col min="6404" max="6405" width="10.625" style="4" customWidth="1"/>
    <col min="6406" max="6407" width="12.625" style="4" customWidth="1"/>
    <col min="6408" max="6408" width="1.25" style="4" customWidth="1"/>
    <col min="6409" max="6656" width="9" style="4"/>
    <col min="6657" max="6657" width="14.5" style="4" customWidth="1"/>
    <col min="6658" max="6659" width="12.625" style="4" customWidth="1"/>
    <col min="6660" max="6661" width="10.625" style="4" customWidth="1"/>
    <col min="6662" max="6663" width="12.625" style="4" customWidth="1"/>
    <col min="6664" max="6664" width="1.25" style="4" customWidth="1"/>
    <col min="6665" max="6912" width="9" style="4"/>
    <col min="6913" max="6913" width="14.5" style="4" customWidth="1"/>
    <col min="6914" max="6915" width="12.625" style="4" customWidth="1"/>
    <col min="6916" max="6917" width="10.625" style="4" customWidth="1"/>
    <col min="6918" max="6919" width="12.625" style="4" customWidth="1"/>
    <col min="6920" max="6920" width="1.25" style="4" customWidth="1"/>
    <col min="6921" max="7168" width="9" style="4"/>
    <col min="7169" max="7169" width="14.5" style="4" customWidth="1"/>
    <col min="7170" max="7171" width="12.625" style="4" customWidth="1"/>
    <col min="7172" max="7173" width="10.625" style="4" customWidth="1"/>
    <col min="7174" max="7175" width="12.625" style="4" customWidth="1"/>
    <col min="7176" max="7176" width="1.25" style="4" customWidth="1"/>
    <col min="7177" max="7424" width="9" style="4"/>
    <col min="7425" max="7425" width="14.5" style="4" customWidth="1"/>
    <col min="7426" max="7427" width="12.625" style="4" customWidth="1"/>
    <col min="7428" max="7429" width="10.625" style="4" customWidth="1"/>
    <col min="7430" max="7431" width="12.625" style="4" customWidth="1"/>
    <col min="7432" max="7432" width="1.25" style="4" customWidth="1"/>
    <col min="7433" max="7680" width="9" style="4"/>
    <col min="7681" max="7681" width="14.5" style="4" customWidth="1"/>
    <col min="7682" max="7683" width="12.625" style="4" customWidth="1"/>
    <col min="7684" max="7685" width="10.625" style="4" customWidth="1"/>
    <col min="7686" max="7687" width="12.625" style="4" customWidth="1"/>
    <col min="7688" max="7688" width="1.25" style="4" customWidth="1"/>
    <col min="7689" max="7936" width="9" style="4"/>
    <col min="7937" max="7937" width="14.5" style="4" customWidth="1"/>
    <col min="7938" max="7939" width="12.625" style="4" customWidth="1"/>
    <col min="7940" max="7941" width="10.625" style="4" customWidth="1"/>
    <col min="7942" max="7943" width="12.625" style="4" customWidth="1"/>
    <col min="7944" max="7944" width="1.25" style="4" customWidth="1"/>
    <col min="7945" max="8192" width="9" style="4"/>
    <col min="8193" max="8193" width="14.5" style="4" customWidth="1"/>
    <col min="8194" max="8195" width="12.625" style="4" customWidth="1"/>
    <col min="8196" max="8197" width="10.625" style="4" customWidth="1"/>
    <col min="8198" max="8199" width="12.625" style="4" customWidth="1"/>
    <col min="8200" max="8200" width="1.25" style="4" customWidth="1"/>
    <col min="8201" max="8448" width="9" style="4"/>
    <col min="8449" max="8449" width="14.5" style="4" customWidth="1"/>
    <col min="8450" max="8451" width="12.625" style="4" customWidth="1"/>
    <col min="8452" max="8453" width="10.625" style="4" customWidth="1"/>
    <col min="8454" max="8455" width="12.625" style="4" customWidth="1"/>
    <col min="8456" max="8456" width="1.25" style="4" customWidth="1"/>
    <col min="8457" max="8704" width="9" style="4"/>
    <col min="8705" max="8705" width="14.5" style="4" customWidth="1"/>
    <col min="8706" max="8707" width="12.625" style="4" customWidth="1"/>
    <col min="8708" max="8709" width="10.625" style="4" customWidth="1"/>
    <col min="8710" max="8711" width="12.625" style="4" customWidth="1"/>
    <col min="8712" max="8712" width="1.25" style="4" customWidth="1"/>
    <col min="8713" max="8960" width="9" style="4"/>
    <col min="8961" max="8961" width="14.5" style="4" customWidth="1"/>
    <col min="8962" max="8963" width="12.625" style="4" customWidth="1"/>
    <col min="8964" max="8965" width="10.625" style="4" customWidth="1"/>
    <col min="8966" max="8967" width="12.625" style="4" customWidth="1"/>
    <col min="8968" max="8968" width="1.25" style="4" customWidth="1"/>
    <col min="8969" max="9216" width="9" style="4"/>
    <col min="9217" max="9217" width="14.5" style="4" customWidth="1"/>
    <col min="9218" max="9219" width="12.625" style="4" customWidth="1"/>
    <col min="9220" max="9221" width="10.625" style="4" customWidth="1"/>
    <col min="9222" max="9223" width="12.625" style="4" customWidth="1"/>
    <col min="9224" max="9224" width="1.25" style="4" customWidth="1"/>
    <col min="9225" max="9472" width="9" style="4"/>
    <col min="9473" max="9473" width="14.5" style="4" customWidth="1"/>
    <col min="9474" max="9475" width="12.625" style="4" customWidth="1"/>
    <col min="9476" max="9477" width="10.625" style="4" customWidth="1"/>
    <col min="9478" max="9479" width="12.625" style="4" customWidth="1"/>
    <col min="9480" max="9480" width="1.25" style="4" customWidth="1"/>
    <col min="9481" max="9728" width="9" style="4"/>
    <col min="9729" max="9729" width="14.5" style="4" customWidth="1"/>
    <col min="9730" max="9731" width="12.625" style="4" customWidth="1"/>
    <col min="9732" max="9733" width="10.625" style="4" customWidth="1"/>
    <col min="9734" max="9735" width="12.625" style="4" customWidth="1"/>
    <col min="9736" max="9736" width="1.25" style="4" customWidth="1"/>
    <col min="9737" max="9984" width="9" style="4"/>
    <col min="9985" max="9985" width="14.5" style="4" customWidth="1"/>
    <col min="9986" max="9987" width="12.625" style="4" customWidth="1"/>
    <col min="9988" max="9989" width="10.625" style="4" customWidth="1"/>
    <col min="9990" max="9991" width="12.625" style="4" customWidth="1"/>
    <col min="9992" max="9992" width="1.25" style="4" customWidth="1"/>
    <col min="9993" max="10240" width="9" style="4"/>
    <col min="10241" max="10241" width="14.5" style="4" customWidth="1"/>
    <col min="10242" max="10243" width="12.625" style="4" customWidth="1"/>
    <col min="10244" max="10245" width="10.625" style="4" customWidth="1"/>
    <col min="10246" max="10247" width="12.625" style="4" customWidth="1"/>
    <col min="10248" max="10248" width="1.25" style="4" customWidth="1"/>
    <col min="10249" max="10496" width="9" style="4"/>
    <col min="10497" max="10497" width="14.5" style="4" customWidth="1"/>
    <col min="10498" max="10499" width="12.625" style="4" customWidth="1"/>
    <col min="10500" max="10501" width="10.625" style="4" customWidth="1"/>
    <col min="10502" max="10503" width="12.625" style="4" customWidth="1"/>
    <col min="10504" max="10504" width="1.25" style="4" customWidth="1"/>
    <col min="10505" max="10752" width="9" style="4"/>
    <col min="10753" max="10753" width="14.5" style="4" customWidth="1"/>
    <col min="10754" max="10755" width="12.625" style="4" customWidth="1"/>
    <col min="10756" max="10757" width="10.625" style="4" customWidth="1"/>
    <col min="10758" max="10759" width="12.625" style="4" customWidth="1"/>
    <col min="10760" max="10760" width="1.25" style="4" customWidth="1"/>
    <col min="10761" max="11008" width="9" style="4"/>
    <col min="11009" max="11009" width="14.5" style="4" customWidth="1"/>
    <col min="11010" max="11011" width="12.625" style="4" customWidth="1"/>
    <col min="11012" max="11013" width="10.625" style="4" customWidth="1"/>
    <col min="11014" max="11015" width="12.625" style="4" customWidth="1"/>
    <col min="11016" max="11016" width="1.25" style="4" customWidth="1"/>
    <col min="11017" max="11264" width="9" style="4"/>
    <col min="11265" max="11265" width="14.5" style="4" customWidth="1"/>
    <col min="11266" max="11267" width="12.625" style="4" customWidth="1"/>
    <col min="11268" max="11269" width="10.625" style="4" customWidth="1"/>
    <col min="11270" max="11271" width="12.625" style="4" customWidth="1"/>
    <col min="11272" max="11272" width="1.25" style="4" customWidth="1"/>
    <col min="11273" max="11520" width="9" style="4"/>
    <col min="11521" max="11521" width="14.5" style="4" customWidth="1"/>
    <col min="11522" max="11523" width="12.625" style="4" customWidth="1"/>
    <col min="11524" max="11525" width="10.625" style="4" customWidth="1"/>
    <col min="11526" max="11527" width="12.625" style="4" customWidth="1"/>
    <col min="11528" max="11528" width="1.25" style="4" customWidth="1"/>
    <col min="11529" max="11776" width="9" style="4"/>
    <col min="11777" max="11777" width="14.5" style="4" customWidth="1"/>
    <col min="11778" max="11779" width="12.625" style="4" customWidth="1"/>
    <col min="11780" max="11781" width="10.625" style="4" customWidth="1"/>
    <col min="11782" max="11783" width="12.625" style="4" customWidth="1"/>
    <col min="11784" max="11784" width="1.25" style="4" customWidth="1"/>
    <col min="11785" max="12032" width="9" style="4"/>
    <col min="12033" max="12033" width="14.5" style="4" customWidth="1"/>
    <col min="12034" max="12035" width="12.625" style="4" customWidth="1"/>
    <col min="12036" max="12037" width="10.625" style="4" customWidth="1"/>
    <col min="12038" max="12039" width="12.625" style="4" customWidth="1"/>
    <col min="12040" max="12040" width="1.25" style="4" customWidth="1"/>
    <col min="12041" max="12288" width="9" style="4"/>
    <col min="12289" max="12289" width="14.5" style="4" customWidth="1"/>
    <col min="12290" max="12291" width="12.625" style="4" customWidth="1"/>
    <col min="12292" max="12293" width="10.625" style="4" customWidth="1"/>
    <col min="12294" max="12295" width="12.625" style="4" customWidth="1"/>
    <col min="12296" max="12296" width="1.25" style="4" customWidth="1"/>
    <col min="12297" max="12544" width="9" style="4"/>
    <col min="12545" max="12545" width="14.5" style="4" customWidth="1"/>
    <col min="12546" max="12547" width="12.625" style="4" customWidth="1"/>
    <col min="12548" max="12549" width="10.625" style="4" customWidth="1"/>
    <col min="12550" max="12551" width="12.625" style="4" customWidth="1"/>
    <col min="12552" max="12552" width="1.25" style="4" customWidth="1"/>
    <col min="12553" max="12800" width="9" style="4"/>
    <col min="12801" max="12801" width="14.5" style="4" customWidth="1"/>
    <col min="12802" max="12803" width="12.625" style="4" customWidth="1"/>
    <col min="12804" max="12805" width="10.625" style="4" customWidth="1"/>
    <col min="12806" max="12807" width="12.625" style="4" customWidth="1"/>
    <col min="12808" max="12808" width="1.25" style="4" customWidth="1"/>
    <col min="12809" max="13056" width="9" style="4"/>
    <col min="13057" max="13057" width="14.5" style="4" customWidth="1"/>
    <col min="13058" max="13059" width="12.625" style="4" customWidth="1"/>
    <col min="13060" max="13061" width="10.625" style="4" customWidth="1"/>
    <col min="13062" max="13063" width="12.625" style="4" customWidth="1"/>
    <col min="13064" max="13064" width="1.25" style="4" customWidth="1"/>
    <col min="13065" max="13312" width="9" style="4"/>
    <col min="13313" max="13313" width="14.5" style="4" customWidth="1"/>
    <col min="13314" max="13315" width="12.625" style="4" customWidth="1"/>
    <col min="13316" max="13317" width="10.625" style="4" customWidth="1"/>
    <col min="13318" max="13319" width="12.625" style="4" customWidth="1"/>
    <col min="13320" max="13320" width="1.25" style="4" customWidth="1"/>
    <col min="13321" max="13568" width="9" style="4"/>
    <col min="13569" max="13569" width="14.5" style="4" customWidth="1"/>
    <col min="13570" max="13571" width="12.625" style="4" customWidth="1"/>
    <col min="13572" max="13573" width="10.625" style="4" customWidth="1"/>
    <col min="13574" max="13575" width="12.625" style="4" customWidth="1"/>
    <col min="13576" max="13576" width="1.25" style="4" customWidth="1"/>
    <col min="13577" max="13824" width="9" style="4"/>
    <col min="13825" max="13825" width="14.5" style="4" customWidth="1"/>
    <col min="13826" max="13827" width="12.625" style="4" customWidth="1"/>
    <col min="13828" max="13829" width="10.625" style="4" customWidth="1"/>
    <col min="13830" max="13831" width="12.625" style="4" customWidth="1"/>
    <col min="13832" max="13832" width="1.25" style="4" customWidth="1"/>
    <col min="13833" max="14080" width="9" style="4"/>
    <col min="14081" max="14081" width="14.5" style="4" customWidth="1"/>
    <col min="14082" max="14083" width="12.625" style="4" customWidth="1"/>
    <col min="14084" max="14085" width="10.625" style="4" customWidth="1"/>
    <col min="14086" max="14087" width="12.625" style="4" customWidth="1"/>
    <col min="14088" max="14088" width="1.25" style="4" customWidth="1"/>
    <col min="14089" max="14336" width="9" style="4"/>
    <col min="14337" max="14337" width="14.5" style="4" customWidth="1"/>
    <col min="14338" max="14339" width="12.625" style="4" customWidth="1"/>
    <col min="14340" max="14341" width="10.625" style="4" customWidth="1"/>
    <col min="14342" max="14343" width="12.625" style="4" customWidth="1"/>
    <col min="14344" max="14344" width="1.25" style="4" customWidth="1"/>
    <col min="14345" max="14592" width="9" style="4"/>
    <col min="14593" max="14593" width="14.5" style="4" customWidth="1"/>
    <col min="14594" max="14595" width="12.625" style="4" customWidth="1"/>
    <col min="14596" max="14597" width="10.625" style="4" customWidth="1"/>
    <col min="14598" max="14599" width="12.625" style="4" customWidth="1"/>
    <col min="14600" max="14600" width="1.25" style="4" customWidth="1"/>
    <col min="14601" max="14848" width="9" style="4"/>
    <col min="14849" max="14849" width="14.5" style="4" customWidth="1"/>
    <col min="14850" max="14851" width="12.625" style="4" customWidth="1"/>
    <col min="14852" max="14853" width="10.625" style="4" customWidth="1"/>
    <col min="14854" max="14855" width="12.625" style="4" customWidth="1"/>
    <col min="14856" max="14856" width="1.25" style="4" customWidth="1"/>
    <col min="14857" max="15104" width="9" style="4"/>
    <col min="15105" max="15105" width="14.5" style="4" customWidth="1"/>
    <col min="15106" max="15107" width="12.625" style="4" customWidth="1"/>
    <col min="15108" max="15109" width="10.625" style="4" customWidth="1"/>
    <col min="15110" max="15111" width="12.625" style="4" customWidth="1"/>
    <col min="15112" max="15112" width="1.25" style="4" customWidth="1"/>
    <col min="15113" max="15360" width="9" style="4"/>
    <col min="15361" max="15361" width="14.5" style="4" customWidth="1"/>
    <col min="15362" max="15363" width="12.625" style="4" customWidth="1"/>
    <col min="15364" max="15365" width="10.625" style="4" customWidth="1"/>
    <col min="15366" max="15367" width="12.625" style="4" customWidth="1"/>
    <col min="15368" max="15368" width="1.25" style="4" customWidth="1"/>
    <col min="15369" max="15616" width="9" style="4"/>
    <col min="15617" max="15617" width="14.5" style="4" customWidth="1"/>
    <col min="15618" max="15619" width="12.625" style="4" customWidth="1"/>
    <col min="15620" max="15621" width="10.625" style="4" customWidth="1"/>
    <col min="15622" max="15623" width="12.625" style="4" customWidth="1"/>
    <col min="15624" max="15624" width="1.25" style="4" customWidth="1"/>
    <col min="15625" max="15872" width="9" style="4"/>
    <col min="15873" max="15873" width="14.5" style="4" customWidth="1"/>
    <col min="15874" max="15875" width="12.625" style="4" customWidth="1"/>
    <col min="15876" max="15877" width="10.625" style="4" customWidth="1"/>
    <col min="15878" max="15879" width="12.625" style="4" customWidth="1"/>
    <col min="15880" max="15880" width="1.25" style="4" customWidth="1"/>
    <col min="15881" max="16128" width="9" style="4"/>
    <col min="16129" max="16129" width="14.5" style="4" customWidth="1"/>
    <col min="16130" max="16131" width="12.625" style="4" customWidth="1"/>
    <col min="16132" max="16133" width="10.625" style="4" customWidth="1"/>
    <col min="16134" max="16135" width="12.625" style="4" customWidth="1"/>
    <col min="16136" max="16136" width="1.25" style="4" customWidth="1"/>
    <col min="16137" max="16384" width="9" style="4"/>
  </cols>
  <sheetData>
    <row r="1" spans="1:7" ht="15" customHeight="1">
      <c r="A1" s="1" t="s">
        <v>146</v>
      </c>
    </row>
    <row r="2" spans="1:7" ht="21" customHeight="1">
      <c r="A2" s="408" t="s">
        <v>264</v>
      </c>
      <c r="B2" s="408"/>
      <c r="C2" s="408"/>
      <c r="D2" s="408"/>
      <c r="E2" s="408"/>
      <c r="F2" s="408"/>
      <c r="G2" s="408"/>
    </row>
    <row r="4" spans="1:7" ht="18" customHeight="1">
      <c r="A4" s="116" t="s">
        <v>265</v>
      </c>
    </row>
    <row r="6" spans="1:7" ht="18" customHeight="1">
      <c r="A6" s="4" t="s">
        <v>266</v>
      </c>
    </row>
    <row r="7" spans="1:7" ht="18" customHeight="1">
      <c r="A7" s="421" t="s">
        <v>7</v>
      </c>
      <c r="B7" s="422"/>
      <c r="C7" s="423"/>
      <c r="D7" s="421" t="s">
        <v>267</v>
      </c>
      <c r="E7" s="423"/>
      <c r="F7" s="421" t="s">
        <v>51</v>
      </c>
      <c r="G7" s="423"/>
    </row>
    <row r="8" spans="1:7" ht="18" customHeight="1">
      <c r="A8" s="70" t="s">
        <v>268</v>
      </c>
      <c r="B8" s="70" t="s">
        <v>269</v>
      </c>
      <c r="C8" s="69" t="s">
        <v>270</v>
      </c>
      <c r="D8" s="518"/>
      <c r="E8" s="519"/>
      <c r="F8" s="520"/>
      <c r="G8" s="521"/>
    </row>
    <row r="9" spans="1:7" ht="18" customHeight="1">
      <c r="A9" s="161"/>
      <c r="B9" s="161"/>
      <c r="C9" s="69" t="s">
        <v>271</v>
      </c>
      <c r="D9" s="518"/>
      <c r="E9" s="519"/>
      <c r="F9" s="520"/>
      <c r="G9" s="521"/>
    </row>
    <row r="10" spans="1:7" ht="18" customHeight="1">
      <c r="A10" s="161"/>
      <c r="B10" s="161"/>
      <c r="C10" s="69" t="s">
        <v>272</v>
      </c>
      <c r="D10" s="518"/>
      <c r="E10" s="519"/>
      <c r="F10" s="520"/>
      <c r="G10" s="521"/>
    </row>
    <row r="11" spans="1:7" ht="18" customHeight="1">
      <c r="A11" s="161"/>
      <c r="B11" s="161"/>
      <c r="C11" s="69" t="s">
        <v>273</v>
      </c>
      <c r="D11" s="518"/>
      <c r="E11" s="519"/>
      <c r="F11" s="520"/>
      <c r="G11" s="521"/>
    </row>
    <row r="12" spans="1:7" ht="18" customHeight="1">
      <c r="A12" s="161"/>
      <c r="B12" s="162"/>
      <c r="C12" s="69" t="s">
        <v>274</v>
      </c>
      <c r="D12" s="518"/>
      <c r="E12" s="519"/>
      <c r="F12" s="520"/>
      <c r="G12" s="521"/>
    </row>
    <row r="13" spans="1:7" s="211" customFormat="1" ht="18" customHeight="1">
      <c r="A13" s="161"/>
      <c r="B13" s="163" t="s">
        <v>382</v>
      </c>
      <c r="C13" s="164"/>
      <c r="D13" s="518"/>
      <c r="E13" s="519"/>
      <c r="F13" s="520"/>
      <c r="G13" s="521"/>
    </row>
    <row r="14" spans="1:7" s="211" customFormat="1" ht="18" customHeight="1">
      <c r="A14" s="161"/>
      <c r="B14" s="212" t="s">
        <v>381</v>
      </c>
      <c r="C14" s="164"/>
      <c r="D14" s="518"/>
      <c r="E14" s="519"/>
      <c r="F14" s="520"/>
      <c r="G14" s="521"/>
    </row>
    <row r="15" spans="1:7" ht="18" customHeight="1">
      <c r="A15" s="161"/>
      <c r="B15" s="163" t="s">
        <v>383</v>
      </c>
      <c r="C15" s="164"/>
      <c r="D15" s="518"/>
      <c r="E15" s="519"/>
      <c r="F15" s="520"/>
      <c r="G15" s="521"/>
    </row>
    <row r="16" spans="1:7" ht="18" customHeight="1">
      <c r="A16" s="162"/>
      <c r="B16" s="69" t="s">
        <v>275</v>
      </c>
      <c r="C16" s="69"/>
      <c r="D16" s="518"/>
      <c r="E16" s="519"/>
      <c r="F16" s="520"/>
      <c r="G16" s="521"/>
    </row>
    <row r="17" spans="1:7" ht="18" customHeight="1">
      <c r="A17" s="70" t="s">
        <v>276</v>
      </c>
      <c r="B17" s="163" t="s">
        <v>277</v>
      </c>
      <c r="C17" s="164"/>
      <c r="D17" s="518"/>
      <c r="E17" s="519"/>
      <c r="F17" s="522" t="s">
        <v>380</v>
      </c>
      <c r="G17" s="523"/>
    </row>
    <row r="18" spans="1:7" ht="18" customHeight="1">
      <c r="A18" s="161"/>
      <c r="B18" s="163" t="s">
        <v>278</v>
      </c>
      <c r="C18" s="164"/>
      <c r="D18" s="518"/>
      <c r="E18" s="519"/>
      <c r="F18" s="520"/>
      <c r="G18" s="521"/>
    </row>
    <row r="19" spans="1:7" ht="18" customHeight="1">
      <c r="A19" s="162"/>
      <c r="B19" s="163" t="s">
        <v>9</v>
      </c>
      <c r="C19" s="164"/>
      <c r="D19" s="518"/>
      <c r="E19" s="519"/>
      <c r="F19" s="520"/>
      <c r="G19" s="521"/>
    </row>
    <row r="20" spans="1:7" ht="18" customHeight="1">
      <c r="A20" s="70" t="s">
        <v>279</v>
      </c>
      <c r="B20" s="163" t="s">
        <v>280</v>
      </c>
      <c r="C20" s="164"/>
      <c r="D20" s="518"/>
      <c r="E20" s="519"/>
      <c r="F20" s="520"/>
      <c r="G20" s="521"/>
    </row>
    <row r="21" spans="1:7" ht="18" customHeight="1">
      <c r="A21" s="161" t="s">
        <v>280</v>
      </c>
      <c r="B21" s="163" t="s">
        <v>281</v>
      </c>
      <c r="C21" s="164"/>
      <c r="D21" s="518"/>
      <c r="E21" s="519"/>
      <c r="F21" s="520"/>
      <c r="G21" s="521"/>
    </row>
    <row r="22" spans="1:7" ht="18" customHeight="1">
      <c r="A22" s="162"/>
      <c r="B22" s="163" t="s">
        <v>9</v>
      </c>
      <c r="C22" s="164"/>
      <c r="D22" s="518"/>
      <c r="E22" s="519"/>
      <c r="F22" s="520"/>
      <c r="G22" s="521"/>
    </row>
    <row r="23" spans="1:7" ht="18" customHeight="1" thickBot="1">
      <c r="A23" s="524" t="s">
        <v>282</v>
      </c>
      <c r="B23" s="525"/>
      <c r="C23" s="526"/>
      <c r="D23" s="527"/>
      <c r="E23" s="528"/>
      <c r="F23" s="520"/>
      <c r="G23" s="521"/>
    </row>
    <row r="24" spans="1:7" ht="18" customHeight="1" thickTop="1">
      <c r="A24" s="529" t="s">
        <v>118</v>
      </c>
      <c r="B24" s="530"/>
      <c r="C24" s="531"/>
      <c r="D24" s="532"/>
      <c r="E24" s="533"/>
      <c r="F24" s="534"/>
      <c r="G24" s="535"/>
    </row>
    <row r="26" spans="1:7" ht="18" customHeight="1">
      <c r="A26" s="4" t="s">
        <v>283</v>
      </c>
    </row>
    <row r="27" spans="1:7" ht="18" customHeight="1">
      <c r="A27" s="421" t="s">
        <v>7</v>
      </c>
      <c r="B27" s="422"/>
      <c r="C27" s="423"/>
      <c r="D27" s="421" t="s">
        <v>267</v>
      </c>
      <c r="E27" s="423"/>
      <c r="F27" s="421" t="s">
        <v>51</v>
      </c>
      <c r="G27" s="423"/>
    </row>
    <row r="28" spans="1:7" ht="18" customHeight="1">
      <c r="A28" s="163" t="s">
        <v>284</v>
      </c>
      <c r="B28" s="121"/>
      <c r="C28" s="165"/>
      <c r="D28" s="518"/>
      <c r="E28" s="519"/>
      <c r="F28" s="520"/>
      <c r="G28" s="521"/>
    </row>
    <row r="29" spans="1:7" ht="18" customHeight="1">
      <c r="A29" s="163" t="s">
        <v>285</v>
      </c>
      <c r="B29" s="121"/>
      <c r="C29" s="165"/>
      <c r="D29" s="518"/>
      <c r="E29" s="519"/>
      <c r="F29" s="520"/>
      <c r="G29" s="521"/>
    </row>
    <row r="30" spans="1:7" ht="18" customHeight="1">
      <c r="A30" s="163" t="s">
        <v>286</v>
      </c>
      <c r="B30" s="121"/>
      <c r="C30" s="165"/>
      <c r="D30" s="518"/>
      <c r="E30" s="519"/>
      <c r="F30" s="520"/>
      <c r="G30" s="521"/>
    </row>
    <row r="31" spans="1:7" ht="18" customHeight="1">
      <c r="A31" s="163" t="s">
        <v>287</v>
      </c>
      <c r="B31" s="121"/>
      <c r="C31" s="165"/>
      <c r="D31" s="518"/>
      <c r="E31" s="519"/>
      <c r="F31" s="520"/>
      <c r="G31" s="521"/>
    </row>
    <row r="32" spans="1:7" ht="18" customHeight="1" thickBot="1">
      <c r="A32" s="166" t="s">
        <v>288</v>
      </c>
      <c r="B32" s="137"/>
      <c r="C32" s="167"/>
      <c r="D32" s="518"/>
      <c r="E32" s="519"/>
      <c r="F32" s="520"/>
      <c r="G32" s="521"/>
    </row>
    <row r="33" spans="1:8" ht="18" customHeight="1" thickTop="1">
      <c r="A33" s="529" t="s">
        <v>118</v>
      </c>
      <c r="B33" s="530"/>
      <c r="C33" s="531"/>
      <c r="D33" s="532"/>
      <c r="E33" s="533"/>
      <c r="F33" s="534"/>
      <c r="G33" s="535"/>
    </row>
    <row r="35" spans="1:8" ht="18" customHeight="1">
      <c r="A35" s="6" t="s">
        <v>289</v>
      </c>
    </row>
    <row r="36" spans="1:8" ht="18" customHeight="1">
      <c r="A36" s="56" t="s">
        <v>290</v>
      </c>
      <c r="B36" s="56" t="s">
        <v>291</v>
      </c>
      <c r="C36" s="56" t="s">
        <v>292</v>
      </c>
      <c r="D36" s="421" t="s">
        <v>100</v>
      </c>
      <c r="E36" s="423"/>
      <c r="F36" s="56" t="s">
        <v>293</v>
      </c>
      <c r="G36" s="151" t="s">
        <v>294</v>
      </c>
    </row>
    <row r="37" spans="1:8" ht="18" customHeight="1">
      <c r="A37" s="60"/>
      <c r="B37" s="168"/>
      <c r="C37" s="168"/>
      <c r="D37" s="518"/>
      <c r="E37" s="519"/>
      <c r="F37" s="60"/>
      <c r="G37" s="168"/>
    </row>
    <row r="38" spans="1:8" ht="18" customHeight="1" thickBot="1">
      <c r="A38" s="71"/>
      <c r="B38" s="169"/>
      <c r="C38" s="169"/>
      <c r="D38" s="527"/>
      <c r="E38" s="528"/>
      <c r="F38" s="71"/>
      <c r="G38" s="169"/>
    </row>
    <row r="39" spans="1:8" ht="18" customHeight="1" thickTop="1">
      <c r="A39" s="170" t="s">
        <v>115</v>
      </c>
      <c r="B39" s="171"/>
      <c r="C39" s="171"/>
      <c r="D39" s="532"/>
      <c r="E39" s="533"/>
      <c r="F39" s="75"/>
      <c r="G39" s="171"/>
    </row>
    <row r="40" spans="1:8">
      <c r="A40" s="172" t="s">
        <v>295</v>
      </c>
      <c r="B40" s="66"/>
    </row>
    <row r="42" spans="1:8" ht="18" customHeight="1">
      <c r="A42" s="173" t="s">
        <v>296</v>
      </c>
    </row>
    <row r="43" spans="1:8" ht="18" customHeight="1">
      <c r="A43" s="56" t="s">
        <v>297</v>
      </c>
      <c r="B43" s="56" t="s">
        <v>298</v>
      </c>
      <c r="C43" s="56" t="s">
        <v>299</v>
      </c>
      <c r="D43" s="56" t="s">
        <v>300</v>
      </c>
      <c r="E43" s="421" t="s">
        <v>301</v>
      </c>
      <c r="F43" s="422"/>
      <c r="G43" s="423"/>
      <c r="H43" s="174"/>
    </row>
    <row r="44" spans="1:8" ht="18" customHeight="1">
      <c r="A44" s="175"/>
      <c r="B44" s="175"/>
      <c r="C44" s="175"/>
      <c r="D44" s="176"/>
      <c r="E44" s="482"/>
      <c r="F44" s="446"/>
      <c r="G44" s="447"/>
      <c r="H44" s="177"/>
    </row>
  </sheetData>
  <mergeCells count="62">
    <mergeCell ref="D39:E39"/>
    <mergeCell ref="E43:G43"/>
    <mergeCell ref="E44:G44"/>
    <mergeCell ref="A33:C33"/>
    <mergeCell ref="D33:E33"/>
    <mergeCell ref="F33:G33"/>
    <mergeCell ref="D36:E36"/>
    <mergeCell ref="D37:E37"/>
    <mergeCell ref="D38:E38"/>
    <mergeCell ref="D30:E30"/>
    <mergeCell ref="F30:G30"/>
    <mergeCell ref="D31:E31"/>
    <mergeCell ref="F31:G31"/>
    <mergeCell ref="D32:E32"/>
    <mergeCell ref="F32:G32"/>
    <mergeCell ref="D29:E29"/>
    <mergeCell ref="F29:G29"/>
    <mergeCell ref="A23:C23"/>
    <mergeCell ref="D23:E23"/>
    <mergeCell ref="F23:G23"/>
    <mergeCell ref="A24:C24"/>
    <mergeCell ref="D24:E24"/>
    <mergeCell ref="F24:G24"/>
    <mergeCell ref="A27:C27"/>
    <mergeCell ref="D27:E27"/>
    <mergeCell ref="F27:G27"/>
    <mergeCell ref="D28:E28"/>
    <mergeCell ref="F28:G28"/>
    <mergeCell ref="D20:E20"/>
    <mergeCell ref="F20:G20"/>
    <mergeCell ref="D21:E21"/>
    <mergeCell ref="F21:G21"/>
    <mergeCell ref="D22:E22"/>
    <mergeCell ref="F22:G22"/>
    <mergeCell ref="D17:E17"/>
    <mergeCell ref="F17:G17"/>
    <mergeCell ref="D18:E18"/>
    <mergeCell ref="F18:G18"/>
    <mergeCell ref="D19:E19"/>
    <mergeCell ref="F19:G19"/>
    <mergeCell ref="D12:E12"/>
    <mergeCell ref="F12:G12"/>
    <mergeCell ref="D15:E15"/>
    <mergeCell ref="F15:G15"/>
    <mergeCell ref="D16:E16"/>
    <mergeCell ref="F16:G16"/>
    <mergeCell ref="D13:E13"/>
    <mergeCell ref="D14:E14"/>
    <mergeCell ref="F13:G13"/>
    <mergeCell ref="F14:G14"/>
    <mergeCell ref="D9:E9"/>
    <mergeCell ref="F9:G9"/>
    <mergeCell ref="D10:E10"/>
    <mergeCell ref="F10:G10"/>
    <mergeCell ref="D11:E11"/>
    <mergeCell ref="F11:G11"/>
    <mergeCell ref="A2:G2"/>
    <mergeCell ref="A7:C7"/>
    <mergeCell ref="D7:E7"/>
    <mergeCell ref="F7:G7"/>
    <mergeCell ref="D8:E8"/>
    <mergeCell ref="F8:G8"/>
  </mergeCells>
  <phoneticPr fontId="3"/>
  <pageMargins left="0.82677165354330717" right="0.70866141732283472" top="0.82677165354330717" bottom="0.74803149606299213" header="0.31496062992125984" footer="0.31496062992125984"/>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69"/>
  <sheetViews>
    <sheetView zoomScaleNormal="100" workbookViewId="0">
      <selection activeCell="A4" sqref="A4:D4"/>
    </sheetView>
  </sheetViews>
  <sheetFormatPr defaultRowHeight="11.25"/>
  <cols>
    <col min="1" max="1" width="12" style="219" customWidth="1"/>
    <col min="2" max="2" width="14.625" style="219" customWidth="1"/>
    <col min="3" max="3" width="18.75" style="219" customWidth="1"/>
    <col min="4" max="4" width="15.125" style="219" customWidth="1"/>
    <col min="5" max="5" width="21.25" style="267" customWidth="1"/>
    <col min="6" max="6" width="25.875" style="219" customWidth="1"/>
    <col min="7" max="16384" width="9" style="219"/>
  </cols>
  <sheetData>
    <row r="1" spans="1:6" ht="12.75" customHeight="1">
      <c r="A1" s="268" t="s">
        <v>484</v>
      </c>
    </row>
    <row r="2" spans="1:6">
      <c r="A2" s="218" t="s">
        <v>398</v>
      </c>
      <c r="B2" s="218"/>
      <c r="C2" s="218"/>
      <c r="D2" s="218"/>
      <c r="E2" s="218"/>
    </row>
    <row r="3" spans="1:6" ht="12" thickBot="1">
      <c r="B3" s="220" t="s">
        <v>490</v>
      </c>
      <c r="C3" s="220"/>
      <c r="E3" s="219"/>
      <c r="F3" s="221" t="s">
        <v>399</v>
      </c>
    </row>
    <row r="4" spans="1:6" ht="12" thickBot="1">
      <c r="A4" s="558" t="s">
        <v>400</v>
      </c>
      <c r="B4" s="559"/>
      <c r="C4" s="559"/>
      <c r="D4" s="559"/>
      <c r="E4" s="222" t="s">
        <v>485</v>
      </c>
      <c r="F4" s="223" t="s">
        <v>401</v>
      </c>
    </row>
    <row r="5" spans="1:6" ht="14.1" customHeight="1" thickTop="1">
      <c r="A5" s="560" t="s">
        <v>402</v>
      </c>
      <c r="B5" s="224" t="s">
        <v>403</v>
      </c>
      <c r="C5" s="225" t="s">
        <v>404</v>
      </c>
      <c r="D5" s="226" t="s">
        <v>404</v>
      </c>
      <c r="E5" s="227"/>
      <c r="F5" s="228"/>
    </row>
    <row r="6" spans="1:6" ht="14.1" customHeight="1">
      <c r="A6" s="560"/>
      <c r="B6" s="225"/>
      <c r="C6" s="229" t="s">
        <v>405</v>
      </c>
      <c r="D6" s="226" t="s">
        <v>406</v>
      </c>
      <c r="E6" s="227"/>
      <c r="F6" s="230" t="s">
        <v>407</v>
      </c>
    </row>
    <row r="7" spans="1:6" ht="14.1" customHeight="1">
      <c r="A7" s="561"/>
      <c r="B7" s="225"/>
      <c r="C7" s="231" t="s">
        <v>408</v>
      </c>
      <c r="D7" s="232"/>
      <c r="E7" s="233"/>
      <c r="F7" s="234"/>
    </row>
    <row r="8" spans="1:6" ht="14.1" customHeight="1">
      <c r="A8" s="561"/>
      <c r="B8" s="225"/>
      <c r="C8" s="225" t="s">
        <v>409</v>
      </c>
      <c r="D8" s="226" t="s">
        <v>410</v>
      </c>
      <c r="E8" s="233"/>
      <c r="F8" s="234" t="s">
        <v>411</v>
      </c>
    </row>
    <row r="9" spans="1:6" ht="14.1" customHeight="1">
      <c r="A9" s="561"/>
      <c r="B9" s="225"/>
      <c r="C9" s="235"/>
      <c r="D9" s="226" t="s">
        <v>412</v>
      </c>
      <c r="E9" s="233"/>
      <c r="F9" s="234" t="s">
        <v>413</v>
      </c>
    </row>
    <row r="10" spans="1:6" ht="14.1" customHeight="1">
      <c r="A10" s="561"/>
      <c r="B10" s="225"/>
      <c r="C10" s="231" t="s">
        <v>414</v>
      </c>
      <c r="D10" s="232"/>
      <c r="E10" s="233"/>
      <c r="F10" s="234"/>
    </row>
    <row r="11" spans="1:6" ht="14.1" customHeight="1">
      <c r="A11" s="561"/>
      <c r="B11" s="225"/>
      <c r="C11" s="225" t="s">
        <v>415</v>
      </c>
      <c r="D11" s="226" t="s">
        <v>416</v>
      </c>
      <c r="E11" s="233"/>
      <c r="F11" s="234" t="s">
        <v>417</v>
      </c>
    </row>
    <row r="12" spans="1:6" ht="14.1" customHeight="1">
      <c r="A12" s="561"/>
      <c r="B12" s="225"/>
      <c r="C12" s="225"/>
      <c r="D12" s="236" t="s">
        <v>418</v>
      </c>
      <c r="E12" s="233"/>
      <c r="F12" s="234"/>
    </row>
    <row r="13" spans="1:6" ht="14.1" customHeight="1">
      <c r="A13" s="561"/>
      <c r="B13" s="235"/>
      <c r="C13" s="235"/>
      <c r="D13" s="236" t="s">
        <v>419</v>
      </c>
      <c r="E13" s="233"/>
      <c r="F13" s="234"/>
    </row>
    <row r="14" spans="1:6" ht="14.1" customHeight="1">
      <c r="A14" s="561"/>
      <c r="B14" s="237" t="s">
        <v>420</v>
      </c>
      <c r="C14" s="238"/>
      <c r="D14" s="239"/>
      <c r="E14" s="233"/>
      <c r="F14" s="234"/>
    </row>
    <row r="15" spans="1:6" ht="14.1" customHeight="1">
      <c r="A15" s="561"/>
      <c r="B15" s="237" t="s">
        <v>421</v>
      </c>
      <c r="C15" s="238"/>
      <c r="D15" s="239"/>
      <c r="E15" s="233"/>
      <c r="F15" s="234"/>
    </row>
    <row r="16" spans="1:6" ht="14.1" customHeight="1">
      <c r="A16" s="561"/>
      <c r="B16" s="240" t="s">
        <v>422</v>
      </c>
      <c r="C16" s="241" t="s">
        <v>423</v>
      </c>
      <c r="D16" s="239"/>
      <c r="E16" s="233"/>
      <c r="F16" s="234" t="s">
        <v>424</v>
      </c>
    </row>
    <row r="17" spans="1:6" ht="14.1" customHeight="1">
      <c r="A17" s="561"/>
      <c r="B17" s="536" t="s">
        <v>425</v>
      </c>
      <c r="C17" s="537"/>
      <c r="D17" s="538"/>
      <c r="E17" s="242">
        <f>SUM(E5:E16)</f>
        <v>0</v>
      </c>
      <c r="F17" s="234"/>
    </row>
    <row r="18" spans="1:6" ht="14.1" customHeight="1">
      <c r="A18" s="561" t="s">
        <v>426</v>
      </c>
      <c r="B18" s="243" t="s">
        <v>427</v>
      </c>
      <c r="C18" s="241" t="s">
        <v>428</v>
      </c>
      <c r="D18" s="239"/>
      <c r="E18" s="233"/>
      <c r="F18" s="234"/>
    </row>
    <row r="19" spans="1:6" ht="14.1" customHeight="1">
      <c r="A19" s="561"/>
      <c r="B19" s="244"/>
      <c r="C19" s="241" t="s">
        <v>429</v>
      </c>
      <c r="D19" s="239"/>
      <c r="E19" s="233"/>
      <c r="F19" s="234" t="s">
        <v>430</v>
      </c>
    </row>
    <row r="20" spans="1:6" ht="14.1" customHeight="1">
      <c r="A20" s="561"/>
      <c r="B20" s="244"/>
      <c r="C20" s="241" t="s">
        <v>431</v>
      </c>
      <c r="D20" s="239"/>
      <c r="E20" s="233"/>
      <c r="F20" s="234"/>
    </row>
    <row r="21" spans="1:6" ht="14.1" customHeight="1">
      <c r="A21" s="561"/>
      <c r="B21" s="244"/>
      <c r="C21" s="241" t="s">
        <v>432</v>
      </c>
      <c r="D21" s="239"/>
      <c r="E21" s="233"/>
      <c r="F21" s="234"/>
    </row>
    <row r="22" spans="1:6" ht="14.1" customHeight="1">
      <c r="A22" s="561"/>
      <c r="B22" s="244"/>
      <c r="C22" s="241" t="s">
        <v>433</v>
      </c>
      <c r="D22" s="239"/>
      <c r="E22" s="233"/>
      <c r="F22" s="234"/>
    </row>
    <row r="23" spans="1:6" ht="14.1" customHeight="1">
      <c r="A23" s="561"/>
      <c r="B23" s="244"/>
      <c r="C23" s="241" t="s">
        <v>434</v>
      </c>
      <c r="D23" s="239"/>
      <c r="E23" s="233"/>
      <c r="F23" s="234"/>
    </row>
    <row r="24" spans="1:6" ht="14.1" customHeight="1">
      <c r="A24" s="561"/>
      <c r="B24" s="245"/>
      <c r="C24" s="536" t="s">
        <v>435</v>
      </c>
      <c r="D24" s="563"/>
      <c r="E24" s="242">
        <f>SUM(E18:E23)</f>
        <v>0</v>
      </c>
      <c r="F24" s="234"/>
    </row>
    <row r="25" spans="1:6" ht="14.1" customHeight="1">
      <c r="A25" s="561"/>
      <c r="B25" s="243" t="s">
        <v>436</v>
      </c>
      <c r="C25" s="241" t="s">
        <v>437</v>
      </c>
      <c r="D25" s="239"/>
      <c r="E25" s="233"/>
      <c r="F25" s="234"/>
    </row>
    <row r="26" spans="1:6" ht="14.1" customHeight="1">
      <c r="A26" s="561"/>
      <c r="B26" s="244"/>
      <c r="C26" s="241" t="s">
        <v>438</v>
      </c>
      <c r="D26" s="239"/>
      <c r="E26" s="233"/>
      <c r="F26" s="234"/>
    </row>
    <row r="27" spans="1:6" ht="14.1" customHeight="1">
      <c r="A27" s="561"/>
      <c r="B27" s="244"/>
      <c r="C27" s="241" t="s">
        <v>439</v>
      </c>
      <c r="D27" s="239"/>
      <c r="E27" s="233"/>
      <c r="F27" s="234"/>
    </row>
    <row r="28" spans="1:6" ht="14.1" customHeight="1">
      <c r="A28" s="561"/>
      <c r="B28" s="244"/>
      <c r="C28" s="241" t="s">
        <v>440</v>
      </c>
      <c r="D28" s="239"/>
      <c r="E28" s="233"/>
      <c r="F28" s="234"/>
    </row>
    <row r="29" spans="1:6" ht="14.1" customHeight="1">
      <c r="A29" s="561"/>
      <c r="B29" s="244"/>
      <c r="C29" s="241" t="s">
        <v>441</v>
      </c>
      <c r="D29" s="239"/>
      <c r="E29" s="233"/>
      <c r="F29" s="234"/>
    </row>
    <row r="30" spans="1:6" ht="14.1" customHeight="1">
      <c r="A30" s="561"/>
      <c r="B30" s="244"/>
      <c r="C30" s="241" t="s">
        <v>442</v>
      </c>
      <c r="D30" s="239"/>
      <c r="E30" s="233"/>
      <c r="F30" s="234"/>
    </row>
    <row r="31" spans="1:6" ht="14.1" customHeight="1">
      <c r="A31" s="561"/>
      <c r="B31" s="244"/>
      <c r="C31" s="241" t="s">
        <v>443</v>
      </c>
      <c r="D31" s="239"/>
      <c r="E31" s="233"/>
      <c r="F31" s="234"/>
    </row>
    <row r="32" spans="1:6" ht="14.1" customHeight="1">
      <c r="A32" s="561"/>
      <c r="B32" s="244"/>
      <c r="C32" s="241" t="s">
        <v>444</v>
      </c>
      <c r="D32" s="239"/>
      <c r="E32" s="246"/>
      <c r="F32" s="234"/>
    </row>
    <row r="33" spans="1:6" ht="14.1" customHeight="1">
      <c r="A33" s="561"/>
      <c r="B33" s="245"/>
      <c r="C33" s="536" t="s">
        <v>445</v>
      </c>
      <c r="D33" s="563"/>
      <c r="E33" s="242">
        <f>SUM(E25:E32)</f>
        <v>0</v>
      </c>
      <c r="F33" s="234"/>
    </row>
    <row r="34" spans="1:6" ht="14.1" customHeight="1">
      <c r="A34" s="561"/>
      <c r="B34" s="243" t="s">
        <v>446</v>
      </c>
      <c r="C34" s="247" t="s">
        <v>447</v>
      </c>
      <c r="D34" s="248"/>
      <c r="E34" s="233"/>
      <c r="F34" s="234"/>
    </row>
    <row r="35" spans="1:6" ht="14.1" customHeight="1">
      <c r="A35" s="561"/>
      <c r="B35" s="244"/>
      <c r="C35" s="247" t="s">
        <v>448</v>
      </c>
      <c r="D35" s="248"/>
      <c r="E35" s="233"/>
      <c r="F35" s="234"/>
    </row>
    <row r="36" spans="1:6" ht="14.1" customHeight="1">
      <c r="A36" s="561"/>
      <c r="B36" s="244"/>
      <c r="C36" s="247" t="s">
        <v>449</v>
      </c>
      <c r="D36" s="248"/>
      <c r="E36" s="233"/>
      <c r="F36" s="234"/>
    </row>
    <row r="37" spans="1:6" ht="14.1" customHeight="1">
      <c r="A37" s="561"/>
      <c r="B37" s="244"/>
      <c r="C37" s="247" t="s">
        <v>450</v>
      </c>
      <c r="D37" s="248"/>
      <c r="E37" s="246"/>
      <c r="F37" s="234"/>
    </row>
    <row r="38" spans="1:6" ht="14.1" customHeight="1">
      <c r="A38" s="561"/>
      <c r="B38" s="244"/>
      <c r="C38" s="247" t="s">
        <v>451</v>
      </c>
      <c r="D38" s="248"/>
      <c r="E38" s="246"/>
      <c r="F38" s="234"/>
    </row>
    <row r="39" spans="1:6" ht="14.1" customHeight="1">
      <c r="A39" s="561"/>
      <c r="B39" s="244"/>
      <c r="C39" s="247" t="s">
        <v>452</v>
      </c>
      <c r="D39" s="248"/>
      <c r="E39" s="233"/>
      <c r="F39" s="234"/>
    </row>
    <row r="40" spans="1:6" ht="14.1" customHeight="1">
      <c r="A40" s="561"/>
      <c r="B40" s="244"/>
      <c r="C40" s="247" t="s">
        <v>453</v>
      </c>
      <c r="D40" s="248"/>
      <c r="E40" s="233"/>
      <c r="F40" s="234"/>
    </row>
    <row r="41" spans="1:6" ht="14.1" customHeight="1">
      <c r="A41" s="561"/>
      <c r="B41" s="244"/>
      <c r="C41" s="247" t="s">
        <v>454</v>
      </c>
      <c r="D41" s="248"/>
      <c r="E41" s="233"/>
      <c r="F41" s="234"/>
    </row>
    <row r="42" spans="1:6" ht="14.1" customHeight="1">
      <c r="A42" s="561"/>
      <c r="B42" s="244"/>
      <c r="C42" s="247" t="s">
        <v>455</v>
      </c>
      <c r="D42" s="248"/>
      <c r="E42" s="233"/>
      <c r="F42" s="234"/>
    </row>
    <row r="43" spans="1:6" ht="14.1" customHeight="1">
      <c r="A43" s="561"/>
      <c r="B43" s="244"/>
      <c r="C43" s="247" t="s">
        <v>456</v>
      </c>
      <c r="D43" s="248"/>
      <c r="E43" s="233"/>
      <c r="F43" s="234"/>
    </row>
    <row r="44" spans="1:6" ht="14.1" customHeight="1">
      <c r="A44" s="561"/>
      <c r="B44" s="244"/>
      <c r="C44" s="247" t="s">
        <v>442</v>
      </c>
      <c r="D44" s="248"/>
      <c r="E44" s="233"/>
      <c r="F44" s="234"/>
    </row>
    <row r="45" spans="1:6" ht="14.1" customHeight="1">
      <c r="A45" s="561"/>
      <c r="B45" s="244"/>
      <c r="C45" s="247" t="s">
        <v>443</v>
      </c>
      <c r="D45" s="248"/>
      <c r="E45" s="233"/>
      <c r="F45" s="234"/>
    </row>
    <row r="46" spans="1:6" ht="14.1" customHeight="1">
      <c r="A46" s="561"/>
      <c r="B46" s="244"/>
      <c r="C46" s="247" t="s">
        <v>457</v>
      </c>
      <c r="D46" s="248"/>
      <c r="E46" s="233"/>
      <c r="F46" s="234"/>
    </row>
    <row r="47" spans="1:6" ht="14.1" customHeight="1">
      <c r="A47" s="561"/>
      <c r="B47" s="244"/>
      <c r="C47" s="247" t="s">
        <v>444</v>
      </c>
      <c r="D47" s="248"/>
      <c r="E47" s="246"/>
      <c r="F47" s="234"/>
    </row>
    <row r="48" spans="1:6" ht="14.1" customHeight="1">
      <c r="A48" s="561"/>
      <c r="B48" s="245"/>
      <c r="C48" s="536" t="s">
        <v>458</v>
      </c>
      <c r="D48" s="563"/>
      <c r="E48" s="242">
        <f>SUM(E34:E47)</f>
        <v>0</v>
      </c>
      <c r="F48" s="234"/>
    </row>
    <row r="49" spans="1:6" ht="14.1" customHeight="1">
      <c r="A49" s="561"/>
      <c r="B49" s="240" t="s">
        <v>459</v>
      </c>
      <c r="C49" s="241" t="s">
        <v>460</v>
      </c>
      <c r="D49" s="239"/>
      <c r="E49" s="233"/>
      <c r="F49" s="234"/>
    </row>
    <row r="50" spans="1:6" ht="14.1" customHeight="1">
      <c r="A50" s="561"/>
      <c r="B50" s="243" t="s">
        <v>461</v>
      </c>
      <c r="C50" s="241" t="s">
        <v>462</v>
      </c>
      <c r="D50" s="239"/>
      <c r="E50" s="246"/>
      <c r="F50" s="234"/>
    </row>
    <row r="51" spans="1:6" ht="14.1" customHeight="1">
      <c r="A51" s="562"/>
      <c r="B51" s="245"/>
      <c r="C51" s="241" t="s">
        <v>444</v>
      </c>
      <c r="D51" s="239"/>
      <c r="E51" s="249"/>
      <c r="F51" s="234"/>
    </row>
    <row r="52" spans="1:6" ht="14.1" customHeight="1" thickBot="1">
      <c r="A52" s="562"/>
      <c r="B52" s="541" t="s">
        <v>463</v>
      </c>
      <c r="C52" s="542"/>
      <c r="D52" s="543"/>
      <c r="E52" s="250">
        <f t="shared" ref="E52" si="0">E24+E33+E48+E49+E50+E51</f>
        <v>0</v>
      </c>
      <c r="F52" s="234"/>
    </row>
    <row r="53" spans="1:6" ht="14.1" customHeight="1" thickBot="1">
      <c r="A53" s="556" t="s">
        <v>464</v>
      </c>
      <c r="B53" s="546"/>
      <c r="C53" s="546"/>
      <c r="D53" s="557"/>
      <c r="E53" s="251">
        <f>E17-E52</f>
        <v>0</v>
      </c>
      <c r="F53" s="234"/>
    </row>
    <row r="54" spans="1:6" ht="14.1" customHeight="1">
      <c r="A54" s="564" t="s">
        <v>465</v>
      </c>
      <c r="B54" s="245" t="s">
        <v>466</v>
      </c>
      <c r="C54" s="245"/>
      <c r="D54" s="252"/>
      <c r="E54" s="227"/>
      <c r="F54" s="234"/>
    </row>
    <row r="55" spans="1:6" ht="14.1" customHeight="1">
      <c r="A55" s="565"/>
      <c r="B55" s="245" t="s">
        <v>467</v>
      </c>
      <c r="C55" s="245"/>
      <c r="D55" s="252"/>
      <c r="E55" s="227"/>
      <c r="F55" s="234"/>
    </row>
    <row r="56" spans="1:6" ht="14.1" customHeight="1">
      <c r="A56" s="565"/>
      <c r="B56" s="245" t="s">
        <v>468</v>
      </c>
      <c r="C56" s="245"/>
      <c r="D56" s="252"/>
      <c r="E56" s="227"/>
      <c r="F56" s="234"/>
    </row>
    <row r="57" spans="1:6" ht="14.1" customHeight="1">
      <c r="A57" s="566"/>
      <c r="B57" s="536" t="s">
        <v>469</v>
      </c>
      <c r="C57" s="537"/>
      <c r="D57" s="538"/>
      <c r="E57" s="253">
        <f>SUM(E54:E56)</f>
        <v>0</v>
      </c>
      <c r="F57" s="234"/>
    </row>
    <row r="58" spans="1:6" ht="14.1" customHeight="1">
      <c r="A58" s="567" t="s">
        <v>470</v>
      </c>
      <c r="B58" s="254" t="s">
        <v>471</v>
      </c>
      <c r="C58" s="254"/>
      <c r="D58" s="255"/>
      <c r="E58" s="233"/>
      <c r="F58" s="234"/>
    </row>
    <row r="59" spans="1:6" ht="14.1" customHeight="1">
      <c r="A59" s="565"/>
      <c r="B59" s="243" t="s">
        <v>472</v>
      </c>
      <c r="C59" s="243"/>
      <c r="D59" s="256"/>
      <c r="E59" s="257"/>
      <c r="F59" s="234"/>
    </row>
    <row r="60" spans="1:6" ht="14.1" customHeight="1" thickBot="1">
      <c r="A60" s="568"/>
      <c r="B60" s="541" t="s">
        <v>473</v>
      </c>
      <c r="C60" s="542"/>
      <c r="D60" s="543"/>
      <c r="E60" s="258">
        <f>SUM(E59:E59)</f>
        <v>0</v>
      </c>
      <c r="F60" s="234"/>
    </row>
    <row r="61" spans="1:6" ht="14.1" customHeight="1" thickBot="1">
      <c r="A61" s="547" t="s">
        <v>474</v>
      </c>
      <c r="B61" s="548"/>
      <c r="C61" s="548"/>
      <c r="D61" s="549"/>
      <c r="E61" s="259">
        <f>E57-E60</f>
        <v>0</v>
      </c>
      <c r="F61" s="234"/>
    </row>
    <row r="62" spans="1:6" ht="14.1" customHeight="1">
      <c r="A62" s="569" t="s">
        <v>475</v>
      </c>
      <c r="B62" s="260"/>
      <c r="C62" s="260"/>
      <c r="D62" s="260"/>
      <c r="E62" s="261"/>
      <c r="F62" s="234"/>
    </row>
    <row r="63" spans="1:6" ht="14.1" customHeight="1">
      <c r="A63" s="570"/>
      <c r="B63" s="536" t="s">
        <v>476</v>
      </c>
      <c r="C63" s="537"/>
      <c r="D63" s="538"/>
      <c r="E63" s="253">
        <f>E62</f>
        <v>0</v>
      </c>
      <c r="F63" s="234"/>
    </row>
    <row r="64" spans="1:6" ht="14.1" customHeight="1">
      <c r="A64" s="539" t="s">
        <v>477</v>
      </c>
      <c r="B64" s="262" t="s">
        <v>478</v>
      </c>
      <c r="C64" s="262"/>
      <c r="D64" s="262"/>
      <c r="E64" s="263"/>
      <c r="F64" s="234"/>
    </row>
    <row r="65" spans="1:6" ht="14.1" customHeight="1" thickBot="1">
      <c r="A65" s="540"/>
      <c r="B65" s="541" t="s">
        <v>479</v>
      </c>
      <c r="C65" s="542"/>
      <c r="D65" s="543"/>
      <c r="E65" s="258">
        <f>E64</f>
        <v>0</v>
      </c>
      <c r="F65" s="234"/>
    </row>
    <row r="66" spans="1:6" ht="14.1" customHeight="1" thickBot="1">
      <c r="A66" s="544" t="s">
        <v>480</v>
      </c>
      <c r="B66" s="545"/>
      <c r="C66" s="545"/>
      <c r="D66" s="546"/>
      <c r="E66" s="251">
        <f t="shared" ref="E66" si="1">E63-E65</f>
        <v>0</v>
      </c>
      <c r="F66" s="234"/>
    </row>
    <row r="67" spans="1:6" ht="14.1" customHeight="1" thickBot="1">
      <c r="A67" s="550" t="s">
        <v>481</v>
      </c>
      <c r="B67" s="551"/>
      <c r="C67" s="551"/>
      <c r="D67" s="552"/>
      <c r="E67" s="264"/>
      <c r="F67" s="234"/>
    </row>
    <row r="68" spans="1:6" ht="14.1" customHeight="1" thickBot="1">
      <c r="A68" s="553" t="s">
        <v>482</v>
      </c>
      <c r="B68" s="554"/>
      <c r="C68" s="554"/>
      <c r="D68" s="555"/>
      <c r="E68" s="265">
        <f>E53+E61+E66-E67</f>
        <v>0</v>
      </c>
      <c r="F68" s="234"/>
    </row>
    <row r="69" spans="1:6" ht="14.1" customHeight="1" thickBot="1">
      <c r="A69" s="556" t="s">
        <v>483</v>
      </c>
      <c r="B69" s="557"/>
      <c r="C69" s="557"/>
      <c r="D69" s="557"/>
      <c r="E69" s="251">
        <f>E68</f>
        <v>0</v>
      </c>
      <c r="F69" s="266"/>
    </row>
  </sheetData>
  <mergeCells count="22">
    <mergeCell ref="A67:D67"/>
    <mergeCell ref="A68:D68"/>
    <mergeCell ref="A69:D69"/>
    <mergeCell ref="A4:D4"/>
    <mergeCell ref="A5:A17"/>
    <mergeCell ref="B17:D17"/>
    <mergeCell ref="A18:A52"/>
    <mergeCell ref="C24:D24"/>
    <mergeCell ref="C33:D33"/>
    <mergeCell ref="C48:D48"/>
    <mergeCell ref="B52:D52"/>
    <mergeCell ref="A53:D53"/>
    <mergeCell ref="A54:A57"/>
    <mergeCell ref="B57:D57"/>
    <mergeCell ref="A58:A60"/>
    <mergeCell ref="A62:A63"/>
    <mergeCell ref="B63:D63"/>
    <mergeCell ref="A64:A65"/>
    <mergeCell ref="B65:D65"/>
    <mergeCell ref="A66:D66"/>
    <mergeCell ref="B60:D60"/>
    <mergeCell ref="A61:D61"/>
  </mergeCells>
  <phoneticPr fontId="3"/>
  <pageMargins left="0.82677165354330717" right="0.70866141732283472" top="0.74803149606299213" bottom="0.74803149606299213" header="0.31496062992125984" footer="0.31496062992125984"/>
  <pageSetup paperSize="9" scale="81" orientation="portrait"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9"/>
  <sheetViews>
    <sheetView topLeftCell="A19" workbookViewId="0">
      <selection activeCell="D11" sqref="D11"/>
    </sheetView>
  </sheetViews>
  <sheetFormatPr defaultRowHeight="13.5"/>
  <cols>
    <col min="1" max="1" width="9" style="4"/>
    <col min="2" max="7" width="12.625" style="4" customWidth="1"/>
    <col min="8" max="8" width="14.625" style="4" customWidth="1"/>
    <col min="9" max="10" width="16.625" style="4" customWidth="1"/>
    <col min="11" max="257" width="9" style="4"/>
    <col min="258" max="263" width="12.625" style="4" customWidth="1"/>
    <col min="264" max="264" width="14.625" style="4" customWidth="1"/>
    <col min="265" max="266" width="16.625" style="4" customWidth="1"/>
    <col min="267" max="513" width="9" style="4"/>
    <col min="514" max="519" width="12.625" style="4" customWidth="1"/>
    <col min="520" max="520" width="14.625" style="4" customWidth="1"/>
    <col min="521" max="522" width="16.625" style="4" customWidth="1"/>
    <col min="523" max="769" width="9" style="4"/>
    <col min="770" max="775" width="12.625" style="4" customWidth="1"/>
    <col min="776" max="776" width="14.625" style="4" customWidth="1"/>
    <col min="777" max="778" width="16.625" style="4" customWidth="1"/>
    <col min="779" max="1025" width="9" style="4"/>
    <col min="1026" max="1031" width="12.625" style="4" customWidth="1"/>
    <col min="1032" max="1032" width="14.625" style="4" customWidth="1"/>
    <col min="1033" max="1034" width="16.625" style="4" customWidth="1"/>
    <col min="1035" max="1281" width="9" style="4"/>
    <col min="1282" max="1287" width="12.625" style="4" customWidth="1"/>
    <col min="1288" max="1288" width="14.625" style="4" customWidth="1"/>
    <col min="1289" max="1290" width="16.625" style="4" customWidth="1"/>
    <col min="1291" max="1537" width="9" style="4"/>
    <col min="1538" max="1543" width="12.625" style="4" customWidth="1"/>
    <col min="1544" max="1544" width="14.625" style="4" customWidth="1"/>
    <col min="1545" max="1546" width="16.625" style="4" customWidth="1"/>
    <col min="1547" max="1793" width="9" style="4"/>
    <col min="1794" max="1799" width="12.625" style="4" customWidth="1"/>
    <col min="1800" max="1800" width="14.625" style="4" customWidth="1"/>
    <col min="1801" max="1802" width="16.625" style="4" customWidth="1"/>
    <col min="1803" max="2049" width="9" style="4"/>
    <col min="2050" max="2055" width="12.625" style="4" customWidth="1"/>
    <col min="2056" max="2056" width="14.625" style="4" customWidth="1"/>
    <col min="2057" max="2058" width="16.625" style="4" customWidth="1"/>
    <col min="2059" max="2305" width="9" style="4"/>
    <col min="2306" max="2311" width="12.625" style="4" customWidth="1"/>
    <col min="2312" max="2312" width="14.625" style="4" customWidth="1"/>
    <col min="2313" max="2314" width="16.625" style="4" customWidth="1"/>
    <col min="2315" max="2561" width="9" style="4"/>
    <col min="2562" max="2567" width="12.625" style="4" customWidth="1"/>
    <col min="2568" max="2568" width="14.625" style="4" customWidth="1"/>
    <col min="2569" max="2570" width="16.625" style="4" customWidth="1"/>
    <col min="2571" max="2817" width="9" style="4"/>
    <col min="2818" max="2823" width="12.625" style="4" customWidth="1"/>
    <col min="2824" max="2824" width="14.625" style="4" customWidth="1"/>
    <col min="2825" max="2826" width="16.625" style="4" customWidth="1"/>
    <col min="2827" max="3073" width="9" style="4"/>
    <col min="3074" max="3079" width="12.625" style="4" customWidth="1"/>
    <col min="3080" max="3080" width="14.625" style="4" customWidth="1"/>
    <col min="3081" max="3082" width="16.625" style="4" customWidth="1"/>
    <col min="3083" max="3329" width="9" style="4"/>
    <col min="3330" max="3335" width="12.625" style="4" customWidth="1"/>
    <col min="3336" max="3336" width="14.625" style="4" customWidth="1"/>
    <col min="3337" max="3338" width="16.625" style="4" customWidth="1"/>
    <col min="3339" max="3585" width="9" style="4"/>
    <col min="3586" max="3591" width="12.625" style="4" customWidth="1"/>
    <col min="3592" max="3592" width="14.625" style="4" customWidth="1"/>
    <col min="3593" max="3594" width="16.625" style="4" customWidth="1"/>
    <col min="3595" max="3841" width="9" style="4"/>
    <col min="3842" max="3847" width="12.625" style="4" customWidth="1"/>
    <col min="3848" max="3848" width="14.625" style="4" customWidth="1"/>
    <col min="3849" max="3850" width="16.625" style="4" customWidth="1"/>
    <col min="3851" max="4097" width="9" style="4"/>
    <col min="4098" max="4103" width="12.625" style="4" customWidth="1"/>
    <col min="4104" max="4104" width="14.625" style="4" customWidth="1"/>
    <col min="4105" max="4106" width="16.625" style="4" customWidth="1"/>
    <col min="4107" max="4353" width="9" style="4"/>
    <col min="4354" max="4359" width="12.625" style="4" customWidth="1"/>
    <col min="4360" max="4360" width="14.625" style="4" customWidth="1"/>
    <col min="4361" max="4362" width="16.625" style="4" customWidth="1"/>
    <col min="4363" max="4609" width="9" style="4"/>
    <col min="4610" max="4615" width="12.625" style="4" customWidth="1"/>
    <col min="4616" max="4616" width="14.625" style="4" customWidth="1"/>
    <col min="4617" max="4618" width="16.625" style="4" customWidth="1"/>
    <col min="4619" max="4865" width="9" style="4"/>
    <col min="4866" max="4871" width="12.625" style="4" customWidth="1"/>
    <col min="4872" max="4872" width="14.625" style="4" customWidth="1"/>
    <col min="4873" max="4874" width="16.625" style="4" customWidth="1"/>
    <col min="4875" max="5121" width="9" style="4"/>
    <col min="5122" max="5127" width="12.625" style="4" customWidth="1"/>
    <col min="5128" max="5128" width="14.625" style="4" customWidth="1"/>
    <col min="5129" max="5130" width="16.625" style="4" customWidth="1"/>
    <col min="5131" max="5377" width="9" style="4"/>
    <col min="5378" max="5383" width="12.625" style="4" customWidth="1"/>
    <col min="5384" max="5384" width="14.625" style="4" customWidth="1"/>
    <col min="5385" max="5386" width="16.625" style="4" customWidth="1"/>
    <col min="5387" max="5633" width="9" style="4"/>
    <col min="5634" max="5639" width="12.625" style="4" customWidth="1"/>
    <col min="5640" max="5640" width="14.625" style="4" customWidth="1"/>
    <col min="5641" max="5642" width="16.625" style="4" customWidth="1"/>
    <col min="5643" max="5889" width="9" style="4"/>
    <col min="5890" max="5895" width="12.625" style="4" customWidth="1"/>
    <col min="5896" max="5896" width="14.625" style="4" customWidth="1"/>
    <col min="5897" max="5898" width="16.625" style="4" customWidth="1"/>
    <col min="5899" max="6145" width="9" style="4"/>
    <col min="6146" max="6151" width="12.625" style="4" customWidth="1"/>
    <col min="6152" max="6152" width="14.625" style="4" customWidth="1"/>
    <col min="6153" max="6154" width="16.625" style="4" customWidth="1"/>
    <col min="6155" max="6401" width="9" style="4"/>
    <col min="6402" max="6407" width="12.625" style="4" customWidth="1"/>
    <col min="6408" max="6408" width="14.625" style="4" customWidth="1"/>
    <col min="6409" max="6410" width="16.625" style="4" customWidth="1"/>
    <col min="6411" max="6657" width="9" style="4"/>
    <col min="6658" max="6663" width="12.625" style="4" customWidth="1"/>
    <col min="6664" max="6664" width="14.625" style="4" customWidth="1"/>
    <col min="6665" max="6666" width="16.625" style="4" customWidth="1"/>
    <col min="6667" max="6913" width="9" style="4"/>
    <col min="6914" max="6919" width="12.625" style="4" customWidth="1"/>
    <col min="6920" max="6920" width="14.625" style="4" customWidth="1"/>
    <col min="6921" max="6922" width="16.625" style="4" customWidth="1"/>
    <col min="6923" max="7169" width="9" style="4"/>
    <col min="7170" max="7175" width="12.625" style="4" customWidth="1"/>
    <col min="7176" max="7176" width="14.625" style="4" customWidth="1"/>
    <col min="7177" max="7178" width="16.625" style="4" customWidth="1"/>
    <col min="7179" max="7425" width="9" style="4"/>
    <col min="7426" max="7431" width="12.625" style="4" customWidth="1"/>
    <col min="7432" max="7432" width="14.625" style="4" customWidth="1"/>
    <col min="7433" max="7434" width="16.625" style="4" customWidth="1"/>
    <col min="7435" max="7681" width="9" style="4"/>
    <col min="7682" max="7687" width="12.625" style="4" customWidth="1"/>
    <col min="7688" max="7688" width="14.625" style="4" customWidth="1"/>
    <col min="7689" max="7690" width="16.625" style="4" customWidth="1"/>
    <col min="7691" max="7937" width="9" style="4"/>
    <col min="7938" max="7943" width="12.625" style="4" customWidth="1"/>
    <col min="7944" max="7944" width="14.625" style="4" customWidth="1"/>
    <col min="7945" max="7946" width="16.625" style="4" customWidth="1"/>
    <col min="7947" max="8193" width="9" style="4"/>
    <col min="8194" max="8199" width="12.625" style="4" customWidth="1"/>
    <col min="8200" max="8200" width="14.625" style="4" customWidth="1"/>
    <col min="8201" max="8202" width="16.625" style="4" customWidth="1"/>
    <col min="8203" max="8449" width="9" style="4"/>
    <col min="8450" max="8455" width="12.625" style="4" customWidth="1"/>
    <col min="8456" max="8456" width="14.625" style="4" customWidth="1"/>
    <col min="8457" max="8458" width="16.625" style="4" customWidth="1"/>
    <col min="8459" max="8705" width="9" style="4"/>
    <col min="8706" max="8711" width="12.625" style="4" customWidth="1"/>
    <col min="8712" max="8712" width="14.625" style="4" customWidth="1"/>
    <col min="8713" max="8714" width="16.625" style="4" customWidth="1"/>
    <col min="8715" max="8961" width="9" style="4"/>
    <col min="8962" max="8967" width="12.625" style="4" customWidth="1"/>
    <col min="8968" max="8968" width="14.625" style="4" customWidth="1"/>
    <col min="8969" max="8970" width="16.625" style="4" customWidth="1"/>
    <col min="8971" max="9217" width="9" style="4"/>
    <col min="9218" max="9223" width="12.625" style="4" customWidth="1"/>
    <col min="9224" max="9224" width="14.625" style="4" customWidth="1"/>
    <col min="9225" max="9226" width="16.625" style="4" customWidth="1"/>
    <col min="9227" max="9473" width="9" style="4"/>
    <col min="9474" max="9479" width="12.625" style="4" customWidth="1"/>
    <col min="9480" max="9480" width="14.625" style="4" customWidth="1"/>
    <col min="9481" max="9482" width="16.625" style="4" customWidth="1"/>
    <col min="9483" max="9729" width="9" style="4"/>
    <col min="9730" max="9735" width="12.625" style="4" customWidth="1"/>
    <col min="9736" max="9736" width="14.625" style="4" customWidth="1"/>
    <col min="9737" max="9738" width="16.625" style="4" customWidth="1"/>
    <col min="9739" max="9985" width="9" style="4"/>
    <col min="9986" max="9991" width="12.625" style="4" customWidth="1"/>
    <col min="9992" max="9992" width="14.625" style="4" customWidth="1"/>
    <col min="9993" max="9994" width="16.625" style="4" customWidth="1"/>
    <col min="9995" max="10241" width="9" style="4"/>
    <col min="10242" max="10247" width="12.625" style="4" customWidth="1"/>
    <col min="10248" max="10248" width="14.625" style="4" customWidth="1"/>
    <col min="10249" max="10250" width="16.625" style="4" customWidth="1"/>
    <col min="10251" max="10497" width="9" style="4"/>
    <col min="10498" max="10503" width="12.625" style="4" customWidth="1"/>
    <col min="10504" max="10504" width="14.625" style="4" customWidth="1"/>
    <col min="10505" max="10506" width="16.625" style="4" customWidth="1"/>
    <col min="10507" max="10753" width="9" style="4"/>
    <col min="10754" max="10759" width="12.625" style="4" customWidth="1"/>
    <col min="10760" max="10760" width="14.625" style="4" customWidth="1"/>
    <col min="10761" max="10762" width="16.625" style="4" customWidth="1"/>
    <col min="10763" max="11009" width="9" style="4"/>
    <col min="11010" max="11015" width="12.625" style="4" customWidth="1"/>
    <col min="11016" max="11016" width="14.625" style="4" customWidth="1"/>
    <col min="11017" max="11018" width="16.625" style="4" customWidth="1"/>
    <col min="11019" max="11265" width="9" style="4"/>
    <col min="11266" max="11271" width="12.625" style="4" customWidth="1"/>
    <col min="11272" max="11272" width="14.625" style="4" customWidth="1"/>
    <col min="11273" max="11274" width="16.625" style="4" customWidth="1"/>
    <col min="11275" max="11521" width="9" style="4"/>
    <col min="11522" max="11527" width="12.625" style="4" customWidth="1"/>
    <col min="11528" max="11528" width="14.625" style="4" customWidth="1"/>
    <col min="11529" max="11530" width="16.625" style="4" customWidth="1"/>
    <col min="11531" max="11777" width="9" style="4"/>
    <col min="11778" max="11783" width="12.625" style="4" customWidth="1"/>
    <col min="11784" max="11784" width="14.625" style="4" customWidth="1"/>
    <col min="11785" max="11786" width="16.625" style="4" customWidth="1"/>
    <col min="11787" max="12033" width="9" style="4"/>
    <col min="12034" max="12039" width="12.625" style="4" customWidth="1"/>
    <col min="12040" max="12040" width="14.625" style="4" customWidth="1"/>
    <col min="12041" max="12042" width="16.625" style="4" customWidth="1"/>
    <col min="12043" max="12289" width="9" style="4"/>
    <col min="12290" max="12295" width="12.625" style="4" customWidth="1"/>
    <col min="12296" max="12296" width="14.625" style="4" customWidth="1"/>
    <col min="12297" max="12298" width="16.625" style="4" customWidth="1"/>
    <col min="12299" max="12545" width="9" style="4"/>
    <col min="12546" max="12551" width="12.625" style="4" customWidth="1"/>
    <col min="12552" max="12552" width="14.625" style="4" customWidth="1"/>
    <col min="12553" max="12554" width="16.625" style="4" customWidth="1"/>
    <col min="12555" max="12801" width="9" style="4"/>
    <col min="12802" max="12807" width="12.625" style="4" customWidth="1"/>
    <col min="12808" max="12808" width="14.625" style="4" customWidth="1"/>
    <col min="12809" max="12810" width="16.625" style="4" customWidth="1"/>
    <col min="12811" max="13057" width="9" style="4"/>
    <col min="13058" max="13063" width="12.625" style="4" customWidth="1"/>
    <col min="13064" max="13064" width="14.625" style="4" customWidth="1"/>
    <col min="13065" max="13066" width="16.625" style="4" customWidth="1"/>
    <col min="13067" max="13313" width="9" style="4"/>
    <col min="13314" max="13319" width="12.625" style="4" customWidth="1"/>
    <col min="13320" max="13320" width="14.625" style="4" customWidth="1"/>
    <col min="13321" max="13322" width="16.625" style="4" customWidth="1"/>
    <col min="13323" max="13569" width="9" style="4"/>
    <col min="13570" max="13575" width="12.625" style="4" customWidth="1"/>
    <col min="13576" max="13576" width="14.625" style="4" customWidth="1"/>
    <col min="13577" max="13578" width="16.625" style="4" customWidth="1"/>
    <col min="13579" max="13825" width="9" style="4"/>
    <col min="13826" max="13831" width="12.625" style="4" customWidth="1"/>
    <col min="13832" max="13832" width="14.625" style="4" customWidth="1"/>
    <col min="13833" max="13834" width="16.625" style="4" customWidth="1"/>
    <col min="13835" max="14081" width="9" style="4"/>
    <col min="14082" max="14087" width="12.625" style="4" customWidth="1"/>
    <col min="14088" max="14088" width="14.625" style="4" customWidth="1"/>
    <col min="14089" max="14090" width="16.625" style="4" customWidth="1"/>
    <col min="14091" max="14337" width="9" style="4"/>
    <col min="14338" max="14343" width="12.625" style="4" customWidth="1"/>
    <col min="14344" max="14344" width="14.625" style="4" customWidth="1"/>
    <col min="14345" max="14346" width="16.625" style="4" customWidth="1"/>
    <col min="14347" max="14593" width="9" style="4"/>
    <col min="14594" max="14599" width="12.625" style="4" customWidth="1"/>
    <col min="14600" max="14600" width="14.625" style="4" customWidth="1"/>
    <col min="14601" max="14602" width="16.625" style="4" customWidth="1"/>
    <col min="14603" max="14849" width="9" style="4"/>
    <col min="14850" max="14855" width="12.625" style="4" customWidth="1"/>
    <col min="14856" max="14856" width="14.625" style="4" customWidth="1"/>
    <col min="14857" max="14858" width="16.625" style="4" customWidth="1"/>
    <col min="14859" max="15105" width="9" style="4"/>
    <col min="15106" max="15111" width="12.625" style="4" customWidth="1"/>
    <col min="15112" max="15112" width="14.625" style="4" customWidth="1"/>
    <col min="15113" max="15114" width="16.625" style="4" customWidth="1"/>
    <col min="15115" max="15361" width="9" style="4"/>
    <col min="15362" max="15367" width="12.625" style="4" customWidth="1"/>
    <col min="15368" max="15368" width="14.625" style="4" customWidth="1"/>
    <col min="15369" max="15370" width="16.625" style="4" customWidth="1"/>
    <col min="15371" max="15617" width="9" style="4"/>
    <col min="15618" max="15623" width="12.625" style="4" customWidth="1"/>
    <col min="15624" max="15624" width="14.625" style="4" customWidth="1"/>
    <col min="15625" max="15626" width="16.625" style="4" customWidth="1"/>
    <col min="15627" max="15873" width="9" style="4"/>
    <col min="15874" max="15879" width="12.625" style="4" customWidth="1"/>
    <col min="15880" max="15880" width="14.625" style="4" customWidth="1"/>
    <col min="15881" max="15882" width="16.625" style="4" customWidth="1"/>
    <col min="15883" max="16129" width="9" style="4"/>
    <col min="16130" max="16135" width="12.625" style="4" customWidth="1"/>
    <col min="16136" max="16136" width="14.625" style="4" customWidth="1"/>
    <col min="16137" max="16138" width="16.625" style="4" customWidth="1"/>
    <col min="16139" max="16384" width="9" style="4"/>
  </cols>
  <sheetData>
    <row r="1" spans="1:10">
      <c r="A1" s="1" t="s">
        <v>302</v>
      </c>
    </row>
    <row r="2" spans="1:10" ht="21" customHeight="1">
      <c r="A2" s="281" t="s">
        <v>304</v>
      </c>
      <c r="B2" s="281"/>
      <c r="C2" s="281"/>
      <c r="D2" s="281"/>
      <c r="E2" s="281"/>
      <c r="F2" s="281"/>
      <c r="G2" s="281"/>
      <c r="H2" s="281"/>
      <c r="I2" s="281"/>
      <c r="J2" s="281"/>
    </row>
    <row r="4" spans="1:10" ht="18" customHeight="1" thickBot="1">
      <c r="A4" s="571" t="s">
        <v>305</v>
      </c>
      <c r="B4" s="571"/>
      <c r="C4" s="4" t="s">
        <v>306</v>
      </c>
    </row>
    <row r="5" spans="1:10" ht="18" customHeight="1">
      <c r="A5" s="572" t="s">
        <v>307</v>
      </c>
      <c r="B5" s="574" t="s">
        <v>308</v>
      </c>
      <c r="C5" s="575"/>
      <c r="D5" s="576"/>
      <c r="E5" s="574" t="s">
        <v>309</v>
      </c>
      <c r="F5" s="575"/>
      <c r="G5" s="575"/>
      <c r="H5" s="576"/>
      <c r="I5" s="577" t="s">
        <v>310</v>
      </c>
      <c r="J5" s="578" t="s">
        <v>311</v>
      </c>
    </row>
    <row r="6" spans="1:10" ht="18" customHeight="1">
      <c r="A6" s="573"/>
      <c r="B6" s="180" t="s">
        <v>291</v>
      </c>
      <c r="C6" s="181" t="s">
        <v>292</v>
      </c>
      <c r="D6" s="56" t="s">
        <v>115</v>
      </c>
      <c r="E6" s="180" t="s">
        <v>291</v>
      </c>
      <c r="F6" s="181" t="s">
        <v>312</v>
      </c>
      <c r="G6" s="56" t="s">
        <v>115</v>
      </c>
      <c r="H6" s="56" t="s">
        <v>313</v>
      </c>
      <c r="I6" s="458"/>
      <c r="J6" s="579"/>
    </row>
    <row r="7" spans="1:10" ht="18" customHeight="1">
      <c r="A7" s="182">
        <v>1</v>
      </c>
      <c r="B7" s="183"/>
      <c r="C7" s="184"/>
      <c r="D7" s="179"/>
      <c r="E7" s="183"/>
      <c r="F7" s="184"/>
      <c r="G7" s="179"/>
      <c r="H7" s="179"/>
      <c r="I7" s="179"/>
      <c r="J7" s="185"/>
    </row>
    <row r="8" spans="1:10" ht="18" customHeight="1">
      <c r="A8" s="182">
        <v>2</v>
      </c>
      <c r="B8" s="183"/>
      <c r="C8" s="184"/>
      <c r="D8" s="179"/>
      <c r="E8" s="183"/>
      <c r="F8" s="184"/>
      <c r="G8" s="179"/>
      <c r="H8" s="179"/>
      <c r="I8" s="179"/>
      <c r="J8" s="185"/>
    </row>
    <row r="9" spans="1:10" ht="18" customHeight="1">
      <c r="A9" s="182">
        <v>3</v>
      </c>
      <c r="B9" s="183"/>
      <c r="C9" s="184"/>
      <c r="D9" s="179"/>
      <c r="E9" s="183"/>
      <c r="F9" s="184"/>
      <c r="G9" s="179"/>
      <c r="H9" s="179"/>
      <c r="I9" s="179"/>
      <c r="J9" s="185"/>
    </row>
    <row r="10" spans="1:10" ht="18" customHeight="1">
      <c r="A10" s="182">
        <v>4</v>
      </c>
      <c r="B10" s="183"/>
      <c r="C10" s="184"/>
      <c r="D10" s="179"/>
      <c r="E10" s="183"/>
      <c r="F10" s="184"/>
      <c r="G10" s="179"/>
      <c r="H10" s="179"/>
      <c r="I10" s="179"/>
      <c r="J10" s="185"/>
    </row>
    <row r="11" spans="1:10" ht="18" customHeight="1">
      <c r="A11" s="182">
        <v>5</v>
      </c>
      <c r="B11" s="183"/>
      <c r="C11" s="184"/>
      <c r="D11" s="179"/>
      <c r="E11" s="183"/>
      <c r="F11" s="184"/>
      <c r="G11" s="179"/>
      <c r="H11" s="179"/>
      <c r="I11" s="179"/>
      <c r="J11" s="185"/>
    </row>
    <row r="12" spans="1:10" ht="18" customHeight="1">
      <c r="A12" s="182">
        <v>6</v>
      </c>
      <c r="B12" s="183"/>
      <c r="C12" s="184"/>
      <c r="D12" s="179"/>
      <c r="E12" s="183"/>
      <c r="F12" s="184"/>
      <c r="G12" s="179"/>
      <c r="H12" s="179"/>
      <c r="I12" s="179"/>
      <c r="J12" s="185"/>
    </row>
    <row r="13" spans="1:10" ht="18" customHeight="1">
      <c r="A13" s="182">
        <v>7</v>
      </c>
      <c r="B13" s="183"/>
      <c r="C13" s="184"/>
      <c r="D13" s="179"/>
      <c r="E13" s="183"/>
      <c r="F13" s="184"/>
      <c r="G13" s="179"/>
      <c r="H13" s="179"/>
      <c r="I13" s="179"/>
      <c r="J13" s="185"/>
    </row>
    <row r="14" spans="1:10" ht="18" customHeight="1">
      <c r="A14" s="182">
        <v>8</v>
      </c>
      <c r="B14" s="183"/>
      <c r="C14" s="184"/>
      <c r="D14" s="179"/>
      <c r="E14" s="183"/>
      <c r="F14" s="184"/>
      <c r="G14" s="179"/>
      <c r="H14" s="179"/>
      <c r="I14" s="179"/>
      <c r="J14" s="185"/>
    </row>
    <row r="15" spans="1:10" ht="18" customHeight="1">
      <c r="A15" s="182">
        <v>9</v>
      </c>
      <c r="B15" s="183"/>
      <c r="C15" s="184"/>
      <c r="D15" s="179"/>
      <c r="E15" s="183"/>
      <c r="F15" s="184"/>
      <c r="G15" s="179"/>
      <c r="H15" s="179"/>
      <c r="I15" s="179"/>
      <c r="J15" s="185"/>
    </row>
    <row r="16" spans="1:10" ht="18" customHeight="1">
      <c r="A16" s="182">
        <v>10</v>
      </c>
      <c r="B16" s="183"/>
      <c r="C16" s="184"/>
      <c r="D16" s="179"/>
      <c r="E16" s="183"/>
      <c r="F16" s="184"/>
      <c r="G16" s="179"/>
      <c r="H16" s="179"/>
      <c r="I16" s="179"/>
      <c r="J16" s="185"/>
    </row>
    <row r="17" spans="1:10" ht="18" customHeight="1">
      <c r="A17" s="182">
        <v>11</v>
      </c>
      <c r="B17" s="183"/>
      <c r="C17" s="184"/>
      <c r="D17" s="179"/>
      <c r="E17" s="183"/>
      <c r="F17" s="184"/>
      <c r="G17" s="179"/>
      <c r="H17" s="179"/>
      <c r="I17" s="179"/>
      <c r="J17" s="185"/>
    </row>
    <row r="18" spans="1:10" ht="18" customHeight="1">
      <c r="A18" s="182">
        <v>12</v>
      </c>
      <c r="B18" s="183"/>
      <c r="C18" s="184"/>
      <c r="D18" s="179"/>
      <c r="E18" s="183"/>
      <c r="F18" s="184"/>
      <c r="G18" s="179"/>
      <c r="H18" s="179"/>
      <c r="I18" s="179"/>
      <c r="J18" s="185"/>
    </row>
    <row r="19" spans="1:10" ht="18" customHeight="1">
      <c r="A19" s="182">
        <v>13</v>
      </c>
      <c r="B19" s="183"/>
      <c r="C19" s="184"/>
      <c r="D19" s="179"/>
      <c r="E19" s="183"/>
      <c r="F19" s="184"/>
      <c r="G19" s="179"/>
      <c r="H19" s="179"/>
      <c r="I19" s="179"/>
      <c r="J19" s="185"/>
    </row>
    <row r="20" spans="1:10" ht="18" customHeight="1">
      <c r="A20" s="182">
        <v>14</v>
      </c>
      <c r="B20" s="183"/>
      <c r="C20" s="184"/>
      <c r="D20" s="179"/>
      <c r="E20" s="183"/>
      <c r="F20" s="184"/>
      <c r="G20" s="179"/>
      <c r="H20" s="179"/>
      <c r="I20" s="179"/>
      <c r="J20" s="185"/>
    </row>
    <row r="21" spans="1:10" ht="18" customHeight="1">
      <c r="A21" s="182">
        <v>15</v>
      </c>
      <c r="B21" s="183"/>
      <c r="C21" s="184"/>
      <c r="D21" s="179"/>
      <c r="E21" s="183"/>
      <c r="F21" s="184"/>
      <c r="G21" s="179"/>
      <c r="H21" s="179"/>
      <c r="I21" s="179"/>
      <c r="J21" s="185"/>
    </row>
    <row r="22" spans="1:10" ht="18" customHeight="1">
      <c r="A22" s="182">
        <v>16</v>
      </c>
      <c r="B22" s="183"/>
      <c r="C22" s="184"/>
      <c r="D22" s="179"/>
      <c r="E22" s="183"/>
      <c r="F22" s="184"/>
      <c r="G22" s="179"/>
      <c r="H22" s="179"/>
      <c r="I22" s="179"/>
      <c r="J22" s="185"/>
    </row>
    <row r="23" spans="1:10" ht="18" customHeight="1">
      <c r="A23" s="182">
        <v>17</v>
      </c>
      <c r="B23" s="183"/>
      <c r="C23" s="184"/>
      <c r="D23" s="179"/>
      <c r="E23" s="183"/>
      <c r="F23" s="184"/>
      <c r="G23" s="179"/>
      <c r="H23" s="179"/>
      <c r="I23" s="179"/>
      <c r="J23" s="185"/>
    </row>
    <row r="24" spans="1:10" ht="18" customHeight="1">
      <c r="A24" s="182">
        <v>18</v>
      </c>
      <c r="B24" s="183"/>
      <c r="C24" s="184"/>
      <c r="D24" s="179"/>
      <c r="E24" s="183"/>
      <c r="F24" s="184"/>
      <c r="G24" s="179"/>
      <c r="H24" s="179"/>
      <c r="I24" s="179"/>
      <c r="J24" s="185"/>
    </row>
    <row r="25" spans="1:10" ht="18" customHeight="1">
      <c r="A25" s="182">
        <v>19</v>
      </c>
      <c r="B25" s="183"/>
      <c r="C25" s="184"/>
      <c r="D25" s="179"/>
      <c r="E25" s="183"/>
      <c r="F25" s="184"/>
      <c r="G25" s="179"/>
      <c r="H25" s="179"/>
      <c r="I25" s="179"/>
      <c r="J25" s="185"/>
    </row>
    <row r="26" spans="1:10" ht="18" customHeight="1" thickBot="1">
      <c r="A26" s="186">
        <v>20</v>
      </c>
      <c r="B26" s="187"/>
      <c r="C26" s="188"/>
      <c r="D26" s="189"/>
      <c r="E26" s="187"/>
      <c r="F26" s="188"/>
      <c r="G26" s="189"/>
      <c r="H26" s="189"/>
      <c r="I26" s="189"/>
      <c r="J26" s="190"/>
    </row>
    <row r="27" spans="1:10" ht="18" customHeight="1" thickTop="1" thickBot="1">
      <c r="A27" s="191" t="s">
        <v>118</v>
      </c>
      <c r="B27" s="192"/>
      <c r="C27" s="193"/>
      <c r="D27" s="194"/>
      <c r="E27" s="192"/>
      <c r="F27" s="193"/>
      <c r="G27" s="194"/>
      <c r="H27" s="194"/>
      <c r="I27" s="194"/>
      <c r="J27" s="195"/>
    </row>
    <row r="28" spans="1:10" ht="18" customHeight="1">
      <c r="A28" s="4" t="s">
        <v>314</v>
      </c>
    </row>
    <row r="29" spans="1:10" ht="18" customHeight="1"/>
  </sheetData>
  <mergeCells count="7">
    <mergeCell ref="A2:J2"/>
    <mergeCell ref="A4:B4"/>
    <mergeCell ref="A5:A6"/>
    <mergeCell ref="B5:D5"/>
    <mergeCell ref="E5:H5"/>
    <mergeCell ref="I5:I6"/>
    <mergeCell ref="J5:J6"/>
  </mergeCells>
  <phoneticPr fontId="3"/>
  <pageMargins left="0.7" right="0.7" top="0.75" bottom="0.75" header="0.3" footer="0.3"/>
  <pageSetup paperSize="9" orientation="landscape"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71"/>
  <sheetViews>
    <sheetView tabSelected="1" view="pageBreakPreview" zoomScaleNormal="100" zoomScaleSheetLayoutView="100" workbookViewId="0">
      <selection activeCell="A8" sqref="A8:H8"/>
    </sheetView>
  </sheetViews>
  <sheetFormatPr defaultRowHeight="13.5"/>
  <cols>
    <col min="1" max="1" width="27.625" style="4" customWidth="1"/>
    <col min="2" max="7" width="9" style="4"/>
    <col min="8" max="8" width="7" style="4" customWidth="1"/>
    <col min="9" max="256" width="9" style="4"/>
    <col min="257" max="257" width="27.625" style="4" customWidth="1"/>
    <col min="258" max="263" width="9" style="4"/>
    <col min="264" max="264" width="7" style="4" customWidth="1"/>
    <col min="265" max="512" width="9" style="4"/>
    <col min="513" max="513" width="27.625" style="4" customWidth="1"/>
    <col min="514" max="519" width="9" style="4"/>
    <col min="520" max="520" width="7" style="4" customWidth="1"/>
    <col min="521" max="768" width="9" style="4"/>
    <col min="769" max="769" width="27.625" style="4" customWidth="1"/>
    <col min="770" max="775" width="9" style="4"/>
    <col min="776" max="776" width="7" style="4" customWidth="1"/>
    <col min="777" max="1024" width="9" style="4"/>
    <col min="1025" max="1025" width="27.625" style="4" customWidth="1"/>
    <col min="1026" max="1031" width="9" style="4"/>
    <col min="1032" max="1032" width="7" style="4" customWidth="1"/>
    <col min="1033" max="1280" width="9" style="4"/>
    <col min="1281" max="1281" width="27.625" style="4" customWidth="1"/>
    <col min="1282" max="1287" width="9" style="4"/>
    <col min="1288" max="1288" width="7" style="4" customWidth="1"/>
    <col min="1289" max="1536" width="9" style="4"/>
    <col min="1537" max="1537" width="27.625" style="4" customWidth="1"/>
    <col min="1538" max="1543" width="9" style="4"/>
    <col min="1544" max="1544" width="7" style="4" customWidth="1"/>
    <col min="1545" max="1792" width="9" style="4"/>
    <col min="1793" max="1793" width="27.625" style="4" customWidth="1"/>
    <col min="1794" max="1799" width="9" style="4"/>
    <col min="1800" max="1800" width="7" style="4" customWidth="1"/>
    <col min="1801" max="2048" width="9" style="4"/>
    <col min="2049" max="2049" width="27.625" style="4" customWidth="1"/>
    <col min="2050" max="2055" width="9" style="4"/>
    <col min="2056" max="2056" width="7" style="4" customWidth="1"/>
    <col min="2057" max="2304" width="9" style="4"/>
    <col min="2305" max="2305" width="27.625" style="4" customWidth="1"/>
    <col min="2306" max="2311" width="9" style="4"/>
    <col min="2312" max="2312" width="7" style="4" customWidth="1"/>
    <col min="2313" max="2560" width="9" style="4"/>
    <col min="2561" max="2561" width="27.625" style="4" customWidth="1"/>
    <col min="2562" max="2567" width="9" style="4"/>
    <col min="2568" max="2568" width="7" style="4" customWidth="1"/>
    <col min="2569" max="2816" width="9" style="4"/>
    <col min="2817" max="2817" width="27.625" style="4" customWidth="1"/>
    <col min="2818" max="2823" width="9" style="4"/>
    <col min="2824" max="2824" width="7" style="4" customWidth="1"/>
    <col min="2825" max="3072" width="9" style="4"/>
    <col min="3073" max="3073" width="27.625" style="4" customWidth="1"/>
    <col min="3074" max="3079" width="9" style="4"/>
    <col min="3080" max="3080" width="7" style="4" customWidth="1"/>
    <col min="3081" max="3328" width="9" style="4"/>
    <col min="3329" max="3329" width="27.625" style="4" customWidth="1"/>
    <col min="3330" max="3335" width="9" style="4"/>
    <col min="3336" max="3336" width="7" style="4" customWidth="1"/>
    <col min="3337" max="3584" width="9" style="4"/>
    <col min="3585" max="3585" width="27.625" style="4" customWidth="1"/>
    <col min="3586" max="3591" width="9" style="4"/>
    <col min="3592" max="3592" width="7" style="4" customWidth="1"/>
    <col min="3593" max="3840" width="9" style="4"/>
    <col min="3841" max="3841" width="27.625" style="4" customWidth="1"/>
    <col min="3842" max="3847" width="9" style="4"/>
    <col min="3848" max="3848" width="7" style="4" customWidth="1"/>
    <col min="3849" max="4096" width="9" style="4"/>
    <col min="4097" max="4097" width="27.625" style="4" customWidth="1"/>
    <col min="4098" max="4103" width="9" style="4"/>
    <col min="4104" max="4104" width="7" style="4" customWidth="1"/>
    <col min="4105" max="4352" width="9" style="4"/>
    <col min="4353" max="4353" width="27.625" style="4" customWidth="1"/>
    <col min="4354" max="4359" width="9" style="4"/>
    <col min="4360" max="4360" width="7" style="4" customWidth="1"/>
    <col min="4361" max="4608" width="9" style="4"/>
    <col min="4609" max="4609" width="27.625" style="4" customWidth="1"/>
    <col min="4610" max="4615" width="9" style="4"/>
    <col min="4616" max="4616" width="7" style="4" customWidth="1"/>
    <col min="4617" max="4864" width="9" style="4"/>
    <col min="4865" max="4865" width="27.625" style="4" customWidth="1"/>
    <col min="4866" max="4871" width="9" style="4"/>
    <col min="4872" max="4872" width="7" style="4" customWidth="1"/>
    <col min="4873" max="5120" width="9" style="4"/>
    <col min="5121" max="5121" width="27.625" style="4" customWidth="1"/>
    <col min="5122" max="5127" width="9" style="4"/>
    <col min="5128" max="5128" width="7" style="4" customWidth="1"/>
    <col min="5129" max="5376" width="9" style="4"/>
    <col min="5377" max="5377" width="27.625" style="4" customWidth="1"/>
    <col min="5378" max="5383" width="9" style="4"/>
    <col min="5384" max="5384" width="7" style="4" customWidth="1"/>
    <col min="5385" max="5632" width="9" style="4"/>
    <col min="5633" max="5633" width="27.625" style="4" customWidth="1"/>
    <col min="5634" max="5639" width="9" style="4"/>
    <col min="5640" max="5640" width="7" style="4" customWidth="1"/>
    <col min="5641" max="5888" width="9" style="4"/>
    <col min="5889" max="5889" width="27.625" style="4" customWidth="1"/>
    <col min="5890" max="5895" width="9" style="4"/>
    <col min="5896" max="5896" width="7" style="4" customWidth="1"/>
    <col min="5897" max="6144" width="9" style="4"/>
    <col min="6145" max="6145" width="27.625" style="4" customWidth="1"/>
    <col min="6146" max="6151" width="9" style="4"/>
    <col min="6152" max="6152" width="7" style="4" customWidth="1"/>
    <col min="6153" max="6400" width="9" style="4"/>
    <col min="6401" max="6401" width="27.625" style="4" customWidth="1"/>
    <col min="6402" max="6407" width="9" style="4"/>
    <col min="6408" max="6408" width="7" style="4" customWidth="1"/>
    <col min="6409" max="6656" width="9" style="4"/>
    <col min="6657" max="6657" width="27.625" style="4" customWidth="1"/>
    <col min="6658" max="6663" width="9" style="4"/>
    <col min="6664" max="6664" width="7" style="4" customWidth="1"/>
    <col min="6665" max="6912" width="9" style="4"/>
    <col min="6913" max="6913" width="27.625" style="4" customWidth="1"/>
    <col min="6914" max="6919" width="9" style="4"/>
    <col min="6920" max="6920" width="7" style="4" customWidth="1"/>
    <col min="6921" max="7168" width="9" style="4"/>
    <col min="7169" max="7169" width="27.625" style="4" customWidth="1"/>
    <col min="7170" max="7175" width="9" style="4"/>
    <col min="7176" max="7176" width="7" style="4" customWidth="1"/>
    <col min="7177" max="7424" width="9" style="4"/>
    <col min="7425" max="7425" width="27.625" style="4" customWidth="1"/>
    <col min="7426" max="7431" width="9" style="4"/>
    <col min="7432" max="7432" width="7" style="4" customWidth="1"/>
    <col min="7433" max="7680" width="9" style="4"/>
    <col min="7681" max="7681" width="27.625" style="4" customWidth="1"/>
    <col min="7682" max="7687" width="9" style="4"/>
    <col min="7688" max="7688" width="7" style="4" customWidth="1"/>
    <col min="7689" max="7936" width="9" style="4"/>
    <col min="7937" max="7937" width="27.625" style="4" customWidth="1"/>
    <col min="7938" max="7943" width="9" style="4"/>
    <col min="7944" max="7944" width="7" style="4" customWidth="1"/>
    <col min="7945" max="8192" width="9" style="4"/>
    <col min="8193" max="8193" width="27.625" style="4" customWidth="1"/>
    <col min="8194" max="8199" width="9" style="4"/>
    <col min="8200" max="8200" width="7" style="4" customWidth="1"/>
    <col min="8201" max="8448" width="9" style="4"/>
    <col min="8449" max="8449" width="27.625" style="4" customWidth="1"/>
    <col min="8450" max="8455" width="9" style="4"/>
    <col min="8456" max="8456" width="7" style="4" customWidth="1"/>
    <col min="8457" max="8704" width="9" style="4"/>
    <col min="8705" max="8705" width="27.625" style="4" customWidth="1"/>
    <col min="8706" max="8711" width="9" style="4"/>
    <col min="8712" max="8712" width="7" style="4" customWidth="1"/>
    <col min="8713" max="8960" width="9" style="4"/>
    <col min="8961" max="8961" width="27.625" style="4" customWidth="1"/>
    <col min="8962" max="8967" width="9" style="4"/>
    <col min="8968" max="8968" width="7" style="4" customWidth="1"/>
    <col min="8969" max="9216" width="9" style="4"/>
    <col min="9217" max="9217" width="27.625" style="4" customWidth="1"/>
    <col min="9218" max="9223" width="9" style="4"/>
    <col min="9224" max="9224" width="7" style="4" customWidth="1"/>
    <col min="9225" max="9472" width="9" style="4"/>
    <col min="9473" max="9473" width="27.625" style="4" customWidth="1"/>
    <col min="9474" max="9479" width="9" style="4"/>
    <col min="9480" max="9480" width="7" style="4" customWidth="1"/>
    <col min="9481" max="9728" width="9" style="4"/>
    <col min="9729" max="9729" width="27.625" style="4" customWidth="1"/>
    <col min="9730" max="9735" width="9" style="4"/>
    <col min="9736" max="9736" width="7" style="4" customWidth="1"/>
    <col min="9737" max="9984" width="9" style="4"/>
    <col min="9985" max="9985" width="27.625" style="4" customWidth="1"/>
    <col min="9986" max="9991" width="9" style="4"/>
    <col min="9992" max="9992" width="7" style="4" customWidth="1"/>
    <col min="9993" max="10240" width="9" style="4"/>
    <col min="10241" max="10241" width="27.625" style="4" customWidth="1"/>
    <col min="10242" max="10247" width="9" style="4"/>
    <col min="10248" max="10248" width="7" style="4" customWidth="1"/>
    <col min="10249" max="10496" width="9" style="4"/>
    <col min="10497" max="10497" width="27.625" style="4" customWidth="1"/>
    <col min="10498" max="10503" width="9" style="4"/>
    <col min="10504" max="10504" width="7" style="4" customWidth="1"/>
    <col min="10505" max="10752" width="9" style="4"/>
    <col min="10753" max="10753" width="27.625" style="4" customWidth="1"/>
    <col min="10754" max="10759" width="9" style="4"/>
    <col min="10760" max="10760" width="7" style="4" customWidth="1"/>
    <col min="10761" max="11008" width="9" style="4"/>
    <col min="11009" max="11009" width="27.625" style="4" customWidth="1"/>
    <col min="11010" max="11015" width="9" style="4"/>
    <col min="11016" max="11016" width="7" style="4" customWidth="1"/>
    <col min="11017" max="11264" width="9" style="4"/>
    <col min="11265" max="11265" width="27.625" style="4" customWidth="1"/>
    <col min="11266" max="11271" width="9" style="4"/>
    <col min="11272" max="11272" width="7" style="4" customWidth="1"/>
    <col min="11273" max="11520" width="9" style="4"/>
    <col min="11521" max="11521" width="27.625" style="4" customWidth="1"/>
    <col min="11522" max="11527" width="9" style="4"/>
    <col min="11528" max="11528" width="7" style="4" customWidth="1"/>
    <col min="11529" max="11776" width="9" style="4"/>
    <col min="11777" max="11777" width="27.625" style="4" customWidth="1"/>
    <col min="11778" max="11783" width="9" style="4"/>
    <col min="11784" max="11784" width="7" style="4" customWidth="1"/>
    <col min="11785" max="12032" width="9" style="4"/>
    <col min="12033" max="12033" width="27.625" style="4" customWidth="1"/>
    <col min="12034" max="12039" width="9" style="4"/>
    <col min="12040" max="12040" width="7" style="4" customWidth="1"/>
    <col min="12041" max="12288" width="9" style="4"/>
    <col min="12289" max="12289" width="27.625" style="4" customWidth="1"/>
    <col min="12290" max="12295" width="9" style="4"/>
    <col min="12296" max="12296" width="7" style="4" customWidth="1"/>
    <col min="12297" max="12544" width="9" style="4"/>
    <col min="12545" max="12545" width="27.625" style="4" customWidth="1"/>
    <col min="12546" max="12551" width="9" style="4"/>
    <col min="12552" max="12552" width="7" style="4" customWidth="1"/>
    <col min="12553" max="12800" width="9" style="4"/>
    <col min="12801" max="12801" width="27.625" style="4" customWidth="1"/>
    <col min="12802" max="12807" width="9" style="4"/>
    <col min="12808" max="12808" width="7" style="4" customWidth="1"/>
    <col min="12809" max="13056" width="9" style="4"/>
    <col min="13057" max="13057" width="27.625" style="4" customWidth="1"/>
    <col min="13058" max="13063" width="9" style="4"/>
    <col min="13064" max="13064" width="7" style="4" customWidth="1"/>
    <col min="13065" max="13312" width="9" style="4"/>
    <col min="13313" max="13313" width="27.625" style="4" customWidth="1"/>
    <col min="13314" max="13319" width="9" style="4"/>
    <col min="13320" max="13320" width="7" style="4" customWidth="1"/>
    <col min="13321" max="13568" width="9" style="4"/>
    <col min="13569" max="13569" width="27.625" style="4" customWidth="1"/>
    <col min="13570" max="13575" width="9" style="4"/>
    <col min="13576" max="13576" width="7" style="4" customWidth="1"/>
    <col min="13577" max="13824" width="9" style="4"/>
    <col min="13825" max="13825" width="27.625" style="4" customWidth="1"/>
    <col min="13826" max="13831" width="9" style="4"/>
    <col min="13832" max="13832" width="7" style="4" customWidth="1"/>
    <col min="13833" max="14080" width="9" style="4"/>
    <col min="14081" max="14081" width="27.625" style="4" customWidth="1"/>
    <col min="14082" max="14087" width="9" style="4"/>
    <col min="14088" max="14088" width="7" style="4" customWidth="1"/>
    <col min="14089" max="14336" width="9" style="4"/>
    <col min="14337" max="14337" width="27.625" style="4" customWidth="1"/>
    <col min="14338" max="14343" width="9" style="4"/>
    <col min="14344" max="14344" width="7" style="4" customWidth="1"/>
    <col min="14345" max="14592" width="9" style="4"/>
    <col min="14593" max="14593" width="27.625" style="4" customWidth="1"/>
    <col min="14594" max="14599" width="9" style="4"/>
    <col min="14600" max="14600" width="7" style="4" customWidth="1"/>
    <col min="14601" max="14848" width="9" style="4"/>
    <col min="14849" max="14849" width="27.625" style="4" customWidth="1"/>
    <col min="14850" max="14855" width="9" style="4"/>
    <col min="14856" max="14856" width="7" style="4" customWidth="1"/>
    <col min="14857" max="15104" width="9" style="4"/>
    <col min="15105" max="15105" width="27.625" style="4" customWidth="1"/>
    <col min="15106" max="15111" width="9" style="4"/>
    <col min="15112" max="15112" width="7" style="4" customWidth="1"/>
    <col min="15113" max="15360" width="9" style="4"/>
    <col min="15361" max="15361" width="27.625" style="4" customWidth="1"/>
    <col min="15362" max="15367" width="9" style="4"/>
    <col min="15368" max="15368" width="7" style="4" customWidth="1"/>
    <col min="15369" max="15616" width="9" style="4"/>
    <col min="15617" max="15617" width="27.625" style="4" customWidth="1"/>
    <col min="15618" max="15623" width="9" style="4"/>
    <col min="15624" max="15624" width="7" style="4" customWidth="1"/>
    <col min="15625" max="15872" width="9" style="4"/>
    <col min="15873" max="15873" width="27.625" style="4" customWidth="1"/>
    <col min="15874" max="15879" width="9" style="4"/>
    <col min="15880" max="15880" width="7" style="4" customWidth="1"/>
    <col min="15881" max="16128" width="9" style="4"/>
    <col min="16129" max="16129" width="27.625" style="4" customWidth="1"/>
    <col min="16130" max="16135" width="9" style="4"/>
    <col min="16136" max="16136" width="7" style="4" customWidth="1"/>
    <col min="16137" max="16384" width="9" style="4"/>
  </cols>
  <sheetData>
    <row r="1" spans="1:8">
      <c r="A1" s="1" t="s">
        <v>303</v>
      </c>
    </row>
    <row r="2" spans="1:8" ht="21" customHeight="1">
      <c r="A2" s="408" t="s">
        <v>315</v>
      </c>
      <c r="B2" s="408"/>
      <c r="C2" s="408"/>
      <c r="D2" s="408"/>
      <c r="E2" s="408"/>
      <c r="F2" s="408"/>
      <c r="G2" s="408"/>
      <c r="H2" s="408"/>
    </row>
    <row r="3" spans="1:8" ht="12" customHeight="1"/>
    <row r="4" spans="1:8" ht="21" customHeight="1">
      <c r="A4" s="116" t="s">
        <v>316</v>
      </c>
    </row>
    <row r="5" spans="1:8">
      <c r="A5" s="166" t="s">
        <v>317</v>
      </c>
      <c r="B5" s="196"/>
      <c r="C5" s="196"/>
      <c r="D5" s="196"/>
      <c r="E5" s="196"/>
      <c r="F5" s="196"/>
      <c r="G5" s="196"/>
      <c r="H5" s="167"/>
    </row>
    <row r="6" spans="1:8" ht="84" customHeight="1">
      <c r="A6" s="430"/>
      <c r="B6" s="431"/>
      <c r="C6" s="431"/>
      <c r="D6" s="431"/>
      <c r="E6" s="431"/>
      <c r="F6" s="431"/>
      <c r="G6" s="431"/>
      <c r="H6" s="432"/>
    </row>
    <row r="7" spans="1:8">
      <c r="A7" s="166" t="s">
        <v>318</v>
      </c>
      <c r="B7" s="196"/>
      <c r="C7" s="196"/>
      <c r="D7" s="196"/>
      <c r="E7" s="196"/>
      <c r="F7" s="196"/>
      <c r="G7" s="196"/>
      <c r="H7" s="167"/>
    </row>
    <row r="8" spans="1:8" ht="84" customHeight="1">
      <c r="A8" s="430"/>
      <c r="B8" s="431"/>
      <c r="C8" s="431"/>
      <c r="D8" s="431"/>
      <c r="E8" s="431"/>
      <c r="F8" s="431"/>
      <c r="G8" s="431"/>
      <c r="H8" s="432"/>
    </row>
    <row r="9" spans="1:8">
      <c r="A9" s="197" t="s">
        <v>319</v>
      </c>
      <c r="B9" s="198"/>
      <c r="C9" s="198"/>
      <c r="D9" s="198"/>
      <c r="E9" s="198"/>
      <c r="F9" s="198"/>
      <c r="G9" s="198"/>
      <c r="H9" s="199"/>
    </row>
    <row r="10" spans="1:8" ht="84" customHeight="1">
      <c r="A10" s="430"/>
      <c r="B10" s="431"/>
      <c r="C10" s="431"/>
      <c r="D10" s="431"/>
      <c r="E10" s="431"/>
      <c r="F10" s="431"/>
      <c r="G10" s="431"/>
      <c r="H10" s="432"/>
    </row>
    <row r="11" spans="1:8" ht="12" customHeight="1">
      <c r="A11" s="198"/>
      <c r="B11" s="198"/>
      <c r="C11" s="198"/>
      <c r="D11" s="198"/>
      <c r="E11" s="198"/>
      <c r="F11" s="198"/>
      <c r="G11" s="198"/>
      <c r="H11" s="198"/>
    </row>
    <row r="12" spans="1:8" ht="21" customHeight="1">
      <c r="A12" s="116" t="s">
        <v>320</v>
      </c>
    </row>
    <row r="13" spans="1:8">
      <c r="A13" s="166" t="s">
        <v>394</v>
      </c>
      <c r="B13" s="196"/>
      <c r="C13" s="196"/>
      <c r="D13" s="196"/>
      <c r="E13" s="196"/>
      <c r="F13" s="196"/>
      <c r="G13" s="196"/>
      <c r="H13" s="167"/>
    </row>
    <row r="14" spans="1:8" ht="84" customHeight="1">
      <c r="A14" s="430"/>
      <c r="B14" s="431"/>
      <c r="C14" s="431"/>
      <c r="D14" s="431"/>
      <c r="E14" s="431"/>
      <c r="F14" s="431"/>
      <c r="G14" s="431"/>
      <c r="H14" s="432"/>
    </row>
    <row r="15" spans="1:8">
      <c r="A15" s="166" t="s">
        <v>321</v>
      </c>
      <c r="B15" s="196"/>
      <c r="C15" s="196"/>
      <c r="D15" s="196"/>
      <c r="E15" s="196"/>
      <c r="F15" s="196"/>
      <c r="G15" s="196"/>
      <c r="H15" s="167"/>
    </row>
    <row r="16" spans="1:8" ht="84" customHeight="1">
      <c r="A16" s="430"/>
      <c r="B16" s="431"/>
      <c r="C16" s="431"/>
      <c r="D16" s="431"/>
      <c r="E16" s="431"/>
      <c r="F16" s="431"/>
      <c r="G16" s="431"/>
      <c r="H16" s="432"/>
    </row>
    <row r="17" spans="1:8">
      <c r="A17" s="197" t="s">
        <v>322</v>
      </c>
      <c r="B17" s="200"/>
      <c r="C17" s="200"/>
      <c r="D17" s="200"/>
      <c r="E17" s="200"/>
      <c r="F17" s="200"/>
      <c r="G17" s="200"/>
      <c r="H17" s="199"/>
    </row>
    <row r="18" spans="1:8">
      <c r="A18" s="197" t="s">
        <v>323</v>
      </c>
      <c r="B18" s="200"/>
      <c r="C18" s="200"/>
      <c r="D18" s="200"/>
      <c r="E18" s="200"/>
      <c r="F18" s="200"/>
      <c r="G18" s="200"/>
      <c r="H18" s="199"/>
    </row>
    <row r="19" spans="1:8">
      <c r="A19" s="197" t="s">
        <v>324</v>
      </c>
      <c r="B19" s="200"/>
      <c r="C19" s="200" t="s">
        <v>325</v>
      </c>
      <c r="D19" s="200"/>
      <c r="E19" s="200"/>
      <c r="F19" s="200" t="s">
        <v>326</v>
      </c>
      <c r="G19" s="200"/>
      <c r="H19" s="199"/>
    </row>
    <row r="20" spans="1:8">
      <c r="A20" s="197" t="s">
        <v>327</v>
      </c>
      <c r="B20" s="200"/>
      <c r="C20" s="200" t="s">
        <v>328</v>
      </c>
      <c r="D20" s="200"/>
      <c r="E20" s="200"/>
      <c r="F20" s="200" t="s">
        <v>329</v>
      </c>
      <c r="G20" s="200"/>
      <c r="H20" s="199"/>
    </row>
    <row r="21" spans="1:8" ht="159.94999999999999" customHeight="1">
      <c r="A21" s="430"/>
      <c r="B21" s="431"/>
      <c r="C21" s="431"/>
      <c r="D21" s="431"/>
      <c r="E21" s="431"/>
      <c r="F21" s="431"/>
      <c r="G21" s="431"/>
      <c r="H21" s="432"/>
    </row>
    <row r="22" spans="1:8" ht="30" customHeight="1">
      <c r="A22" s="178" t="s">
        <v>330</v>
      </c>
      <c r="B22" s="482" t="s">
        <v>331</v>
      </c>
      <c r="C22" s="446"/>
      <c r="D22" s="446"/>
      <c r="E22" s="446"/>
      <c r="F22" s="446"/>
      <c r="G22" s="446"/>
      <c r="H22" s="447"/>
    </row>
    <row r="23" spans="1:8" ht="15" customHeight="1">
      <c r="A23" s="163" t="s">
        <v>332</v>
      </c>
      <c r="B23" s="126"/>
      <c r="C23" s="126"/>
      <c r="D23" s="126"/>
      <c r="E23" s="126"/>
      <c r="F23" s="126"/>
      <c r="G23" s="126"/>
      <c r="H23" s="127"/>
    </row>
    <row r="24" spans="1:8" ht="30" customHeight="1">
      <c r="A24" s="201" t="s">
        <v>333</v>
      </c>
      <c r="B24" s="72" t="s">
        <v>334</v>
      </c>
      <c r="C24" s="131"/>
      <c r="D24" s="131"/>
      <c r="E24" s="131"/>
      <c r="F24" s="131"/>
      <c r="G24" s="131"/>
      <c r="H24" s="202"/>
    </row>
    <row r="25" spans="1:8" ht="30" customHeight="1">
      <c r="A25" s="203" t="s">
        <v>335</v>
      </c>
      <c r="B25" s="61" t="s">
        <v>336</v>
      </c>
      <c r="C25" s="126"/>
      <c r="D25" s="126"/>
      <c r="E25" s="126"/>
      <c r="F25" s="126"/>
      <c r="G25" s="126"/>
      <c r="H25" s="127"/>
    </row>
    <row r="26" spans="1:8" ht="30" customHeight="1">
      <c r="A26" s="203" t="s">
        <v>337</v>
      </c>
      <c r="B26" s="61" t="s">
        <v>338</v>
      </c>
      <c r="C26" s="126"/>
      <c r="D26" s="126"/>
      <c r="E26" s="126"/>
      <c r="F26" s="126"/>
      <c r="G26" s="126"/>
      <c r="H26" s="127"/>
    </row>
    <row r="27" spans="1:8" ht="21" customHeight="1">
      <c r="A27" s="580" t="s">
        <v>339</v>
      </c>
      <c r="B27" s="131" t="s">
        <v>340</v>
      </c>
      <c r="C27" s="131"/>
      <c r="D27" s="131"/>
      <c r="E27" s="131"/>
      <c r="F27" s="131"/>
      <c r="G27" s="131"/>
      <c r="H27" s="202"/>
    </row>
    <row r="28" spans="1:8" ht="21" customHeight="1">
      <c r="A28" s="581"/>
      <c r="B28" s="122" t="s">
        <v>341</v>
      </c>
      <c r="C28" s="122"/>
      <c r="D28" s="122"/>
      <c r="E28" s="122"/>
      <c r="F28" s="122"/>
      <c r="G28" s="122"/>
      <c r="H28" s="123"/>
    </row>
    <row r="29" spans="1:8" ht="21" customHeight="1">
      <c r="A29" s="582"/>
      <c r="B29" s="204" t="s">
        <v>9</v>
      </c>
      <c r="C29" s="124" t="s">
        <v>342</v>
      </c>
      <c r="D29" s="124"/>
      <c r="E29" s="124"/>
      <c r="F29" s="124"/>
      <c r="G29" s="124"/>
      <c r="H29" s="125"/>
    </row>
    <row r="30" spans="1:8" ht="15" customHeight="1">
      <c r="A30" s="166" t="s">
        <v>343</v>
      </c>
      <c r="B30" s="196"/>
      <c r="C30" s="196"/>
      <c r="D30" s="196"/>
      <c r="E30" s="196"/>
      <c r="F30" s="196"/>
      <c r="G30" s="196"/>
      <c r="H30" s="167"/>
    </row>
    <row r="31" spans="1:8" ht="72" customHeight="1">
      <c r="A31" s="430"/>
      <c r="B31" s="431"/>
      <c r="C31" s="431"/>
      <c r="D31" s="431"/>
      <c r="E31" s="431"/>
      <c r="F31" s="431"/>
      <c r="G31" s="431"/>
      <c r="H31" s="432"/>
    </row>
    <row r="32" spans="1:8" ht="15" customHeight="1">
      <c r="A32" s="166" t="s">
        <v>344</v>
      </c>
      <c r="B32" s="196"/>
      <c r="C32" s="196"/>
      <c r="D32" s="196"/>
      <c r="E32" s="196"/>
      <c r="F32" s="196"/>
      <c r="G32" s="196"/>
      <c r="H32" s="167"/>
    </row>
    <row r="33" spans="1:8" ht="72" customHeight="1">
      <c r="A33" s="430"/>
      <c r="B33" s="431"/>
      <c r="C33" s="431"/>
      <c r="D33" s="431"/>
      <c r="E33" s="431"/>
      <c r="F33" s="431"/>
      <c r="G33" s="431"/>
      <c r="H33" s="432"/>
    </row>
    <row r="34" spans="1:8" ht="30" customHeight="1">
      <c r="A34" s="178" t="s">
        <v>345</v>
      </c>
      <c r="B34" s="482" t="s">
        <v>346</v>
      </c>
      <c r="C34" s="446"/>
      <c r="D34" s="446"/>
      <c r="E34" s="446"/>
      <c r="F34" s="446"/>
      <c r="G34" s="446"/>
      <c r="H34" s="447"/>
    </row>
    <row r="35" spans="1:8" ht="12" customHeight="1">
      <c r="B35" s="172"/>
      <c r="C35" s="172"/>
      <c r="D35" s="172"/>
      <c r="E35" s="172"/>
      <c r="F35" s="172"/>
      <c r="G35" s="172"/>
      <c r="H35" s="172"/>
    </row>
    <row r="36" spans="1:8" ht="21" customHeight="1">
      <c r="A36" s="116" t="s">
        <v>347</v>
      </c>
      <c r="B36" s="172"/>
      <c r="C36" s="172"/>
      <c r="D36" s="172"/>
      <c r="E36" s="172"/>
      <c r="F36" s="172"/>
      <c r="G36" s="172"/>
      <c r="H36" s="172"/>
    </row>
    <row r="37" spans="1:8" ht="30" customHeight="1">
      <c r="A37" s="205" t="s">
        <v>348</v>
      </c>
      <c r="B37" s="482" t="s">
        <v>349</v>
      </c>
      <c r="C37" s="446"/>
      <c r="D37" s="446"/>
      <c r="E37" s="446"/>
      <c r="F37" s="446"/>
      <c r="G37" s="446"/>
      <c r="H37" s="447"/>
    </row>
    <row r="38" spans="1:8" ht="30" customHeight="1">
      <c r="A38" s="178" t="s">
        <v>350</v>
      </c>
      <c r="B38" s="482" t="s">
        <v>351</v>
      </c>
      <c r="C38" s="446"/>
      <c r="D38" s="446"/>
      <c r="E38" s="446"/>
      <c r="F38" s="446"/>
      <c r="G38" s="446"/>
      <c r="H38" s="447"/>
    </row>
    <row r="39" spans="1:8" ht="30" customHeight="1">
      <c r="A39" s="206" t="s">
        <v>352</v>
      </c>
      <c r="B39" s="122" t="s">
        <v>353</v>
      </c>
      <c r="C39" s="122"/>
      <c r="D39" s="122"/>
      <c r="E39" s="122"/>
      <c r="F39" s="122"/>
      <c r="G39" s="122"/>
      <c r="H39" s="123"/>
    </row>
    <row r="40" spans="1:8" ht="15" customHeight="1">
      <c r="A40" s="207" t="s">
        <v>354</v>
      </c>
      <c r="B40" s="122"/>
      <c r="C40" s="122"/>
      <c r="D40" s="122"/>
      <c r="E40" s="122"/>
      <c r="F40" s="122"/>
      <c r="G40" s="122"/>
      <c r="H40" s="123"/>
    </row>
    <row r="41" spans="1:8" ht="48" customHeight="1">
      <c r="A41" s="430"/>
      <c r="B41" s="431"/>
      <c r="C41" s="431"/>
      <c r="D41" s="431"/>
      <c r="E41" s="431"/>
      <c r="F41" s="431"/>
      <c r="G41" s="431"/>
      <c r="H41" s="432"/>
    </row>
    <row r="42" spans="1:8" ht="15" customHeight="1">
      <c r="A42" s="166" t="s">
        <v>355</v>
      </c>
      <c r="B42" s="196"/>
      <c r="C42" s="196"/>
      <c r="D42" s="196"/>
      <c r="E42" s="196"/>
      <c r="F42" s="196"/>
      <c r="G42" s="196"/>
      <c r="H42" s="167"/>
    </row>
    <row r="43" spans="1:8" ht="90" customHeight="1">
      <c r="A43" s="430"/>
      <c r="B43" s="431"/>
      <c r="C43" s="431"/>
      <c r="D43" s="431"/>
      <c r="E43" s="431"/>
      <c r="F43" s="431"/>
      <c r="G43" s="431"/>
      <c r="H43" s="432"/>
    </row>
    <row r="44" spans="1:8" ht="15" customHeight="1">
      <c r="A44" s="166" t="s">
        <v>356</v>
      </c>
      <c r="B44" s="196"/>
      <c r="C44" s="196"/>
      <c r="D44" s="196"/>
      <c r="E44" s="196"/>
      <c r="F44" s="196"/>
      <c r="G44" s="196"/>
      <c r="H44" s="167"/>
    </row>
    <row r="45" spans="1:8" ht="69.75" customHeight="1">
      <c r="A45" s="430"/>
      <c r="B45" s="431"/>
      <c r="C45" s="431"/>
      <c r="D45" s="431"/>
      <c r="E45" s="431"/>
      <c r="F45" s="431"/>
      <c r="G45" s="431"/>
      <c r="H45" s="432"/>
    </row>
    <row r="46" spans="1:8" ht="24.75" customHeight="1">
      <c r="A46" s="208"/>
      <c r="B46" s="208"/>
      <c r="C46" s="208"/>
      <c r="D46" s="208"/>
      <c r="E46" s="208"/>
      <c r="F46" s="208"/>
      <c r="G46" s="208"/>
      <c r="H46" s="208"/>
    </row>
    <row r="47" spans="1:8" ht="15" customHeight="1">
      <c r="A47" s="197" t="s">
        <v>357</v>
      </c>
      <c r="B47" s="198"/>
      <c r="C47" s="198"/>
      <c r="D47" s="198"/>
      <c r="E47" s="198"/>
      <c r="F47" s="198"/>
      <c r="G47" s="198"/>
      <c r="H47" s="199"/>
    </row>
    <row r="48" spans="1:8" ht="72" customHeight="1">
      <c r="A48" s="430"/>
      <c r="B48" s="431"/>
      <c r="C48" s="431"/>
      <c r="D48" s="431"/>
      <c r="E48" s="431"/>
      <c r="F48" s="431"/>
      <c r="G48" s="431"/>
      <c r="H48" s="432"/>
    </row>
    <row r="49" spans="1:8" ht="12" customHeight="1"/>
    <row r="50" spans="1:8" ht="21" customHeight="1">
      <c r="A50" s="116" t="s">
        <v>358</v>
      </c>
    </row>
    <row r="51" spans="1:8" ht="30" customHeight="1">
      <c r="A51" s="201" t="s">
        <v>359</v>
      </c>
      <c r="B51" s="482" t="s">
        <v>360</v>
      </c>
      <c r="C51" s="446"/>
      <c r="D51" s="446"/>
      <c r="E51" s="446"/>
      <c r="F51" s="446"/>
      <c r="G51" s="446"/>
      <c r="H51" s="447"/>
    </row>
    <row r="52" spans="1:8" ht="30" customHeight="1">
      <c r="A52" s="203" t="s">
        <v>361</v>
      </c>
      <c r="B52" s="482" t="s">
        <v>362</v>
      </c>
      <c r="C52" s="446"/>
      <c r="D52" s="446"/>
      <c r="E52" s="446"/>
      <c r="F52" s="446"/>
      <c r="G52" s="446"/>
      <c r="H52" s="447"/>
    </row>
    <row r="53" spans="1:8" ht="15" customHeight="1">
      <c r="A53" s="197" t="s">
        <v>363</v>
      </c>
      <c r="B53" s="198"/>
      <c r="C53" s="198"/>
      <c r="D53" s="198"/>
      <c r="E53" s="198"/>
      <c r="F53" s="198"/>
      <c r="G53" s="198"/>
      <c r="H53" s="199"/>
    </row>
    <row r="54" spans="1:8" ht="52.5" customHeight="1">
      <c r="A54" s="430"/>
      <c r="B54" s="431"/>
      <c r="C54" s="431"/>
      <c r="D54" s="431"/>
      <c r="E54" s="431"/>
      <c r="F54" s="431"/>
      <c r="G54" s="431"/>
      <c r="H54" s="432"/>
    </row>
    <row r="55" spans="1:8" ht="30" customHeight="1">
      <c r="A55" s="203" t="s">
        <v>364</v>
      </c>
      <c r="B55" s="61" t="s">
        <v>365</v>
      </c>
      <c r="C55" s="209"/>
      <c r="D55" s="209"/>
      <c r="E55" s="209"/>
      <c r="F55" s="209"/>
      <c r="G55" s="209"/>
      <c r="H55" s="165"/>
    </row>
    <row r="56" spans="1:8" ht="15" customHeight="1">
      <c r="A56" s="197" t="s">
        <v>366</v>
      </c>
      <c r="B56" s="198"/>
      <c r="C56" s="198"/>
      <c r="D56" s="198"/>
      <c r="E56" s="198"/>
      <c r="F56" s="198"/>
      <c r="G56" s="198"/>
      <c r="H56" s="199"/>
    </row>
    <row r="57" spans="1:8" ht="55.5" customHeight="1">
      <c r="A57" s="430"/>
      <c r="B57" s="431"/>
      <c r="C57" s="431"/>
      <c r="D57" s="431"/>
      <c r="E57" s="431"/>
      <c r="F57" s="431"/>
      <c r="G57" s="431"/>
      <c r="H57" s="432"/>
    </row>
    <row r="58" spans="1:8" ht="15" customHeight="1">
      <c r="A58" s="166" t="s">
        <v>367</v>
      </c>
      <c r="B58" s="196"/>
      <c r="C58" s="196"/>
      <c r="D58" s="196"/>
      <c r="E58" s="196"/>
      <c r="F58" s="196"/>
      <c r="G58" s="196"/>
      <c r="H58" s="167"/>
    </row>
    <row r="59" spans="1:8" ht="58.5" customHeight="1">
      <c r="A59" s="430"/>
      <c r="B59" s="431"/>
      <c r="C59" s="431"/>
      <c r="D59" s="431"/>
      <c r="E59" s="431"/>
      <c r="F59" s="431"/>
      <c r="G59" s="431"/>
      <c r="H59" s="432"/>
    </row>
    <row r="60" spans="1:8" ht="15" customHeight="1">
      <c r="A60" s="166" t="s">
        <v>368</v>
      </c>
      <c r="B60" s="196"/>
      <c r="C60" s="196"/>
      <c r="D60" s="196"/>
      <c r="E60" s="196"/>
      <c r="F60" s="196"/>
      <c r="G60" s="196"/>
      <c r="H60" s="167"/>
    </row>
    <row r="61" spans="1:8" ht="60" customHeight="1">
      <c r="A61" s="430"/>
      <c r="B61" s="431"/>
      <c r="C61" s="431"/>
      <c r="D61" s="431"/>
      <c r="E61" s="431"/>
      <c r="F61" s="431"/>
      <c r="G61" s="431"/>
      <c r="H61" s="432"/>
    </row>
    <row r="62" spans="1:8" ht="15" customHeight="1">
      <c r="A62" s="166" t="s">
        <v>369</v>
      </c>
      <c r="B62" s="196"/>
      <c r="C62" s="196"/>
      <c r="D62" s="196"/>
      <c r="E62" s="196"/>
      <c r="F62" s="196"/>
      <c r="G62" s="196"/>
      <c r="H62" s="167"/>
    </row>
    <row r="63" spans="1:8" ht="51.75" customHeight="1">
      <c r="A63" s="430"/>
      <c r="B63" s="431"/>
      <c r="C63" s="431"/>
      <c r="D63" s="431"/>
      <c r="E63" s="431"/>
      <c r="F63" s="431"/>
      <c r="G63" s="431"/>
      <c r="H63" s="432"/>
    </row>
    <row r="64" spans="1:8" ht="12" customHeight="1">
      <c r="A64" s="196"/>
      <c r="B64" s="196"/>
      <c r="C64" s="196"/>
      <c r="D64" s="196"/>
      <c r="E64" s="196"/>
      <c r="F64" s="196"/>
      <c r="G64" s="196"/>
      <c r="H64" s="196"/>
    </row>
    <row r="65" spans="1:8" ht="21" customHeight="1">
      <c r="A65" s="210" t="s">
        <v>370</v>
      </c>
      <c r="B65" s="78"/>
      <c r="C65" s="78"/>
      <c r="D65" s="78"/>
      <c r="E65" s="78"/>
      <c r="F65" s="78"/>
      <c r="G65" s="78"/>
      <c r="H65" s="78"/>
    </row>
    <row r="66" spans="1:8" ht="30" customHeight="1">
      <c r="A66" s="583" t="s">
        <v>371</v>
      </c>
      <c r="B66" s="584"/>
      <c r="C66" s="163" t="s">
        <v>372</v>
      </c>
      <c r="D66" s="196"/>
      <c r="E66" s="196"/>
      <c r="F66" s="196"/>
      <c r="G66" s="196"/>
      <c r="H66" s="167"/>
    </row>
    <row r="67" spans="1:8" ht="15" customHeight="1">
      <c r="A67" s="166" t="s">
        <v>373</v>
      </c>
      <c r="B67" s="196"/>
      <c r="C67" s="137"/>
      <c r="D67" s="196"/>
      <c r="E67" s="196"/>
      <c r="F67" s="196"/>
      <c r="G67" s="196"/>
      <c r="H67" s="167"/>
    </row>
    <row r="68" spans="1:8" ht="36" customHeight="1">
      <c r="A68" s="430"/>
      <c r="B68" s="431"/>
      <c r="C68" s="431"/>
      <c r="D68" s="431"/>
      <c r="E68" s="431"/>
      <c r="F68" s="431"/>
      <c r="G68" s="431"/>
      <c r="H68" s="432"/>
    </row>
    <row r="69" spans="1:8" ht="30" customHeight="1">
      <c r="A69" s="203" t="s">
        <v>374</v>
      </c>
      <c r="B69" s="163" t="s">
        <v>375</v>
      </c>
      <c r="C69" s="209"/>
      <c r="D69" s="209"/>
      <c r="E69" s="209"/>
      <c r="F69" s="209"/>
      <c r="G69" s="209"/>
      <c r="H69" s="165"/>
    </row>
    <row r="70" spans="1:8" ht="15" customHeight="1">
      <c r="A70" s="197" t="s">
        <v>376</v>
      </c>
      <c r="B70" s="198"/>
      <c r="C70" s="198"/>
      <c r="D70" s="198"/>
      <c r="E70" s="198"/>
      <c r="F70" s="198"/>
      <c r="G70" s="198"/>
      <c r="H70" s="199"/>
    </row>
    <row r="71" spans="1:8" ht="36" customHeight="1">
      <c r="A71" s="430"/>
      <c r="B71" s="431"/>
      <c r="C71" s="431"/>
      <c r="D71" s="431"/>
      <c r="E71" s="431"/>
      <c r="F71" s="431"/>
      <c r="G71" s="431"/>
      <c r="H71" s="432"/>
    </row>
  </sheetData>
  <mergeCells count="28">
    <mergeCell ref="A63:H63"/>
    <mergeCell ref="A66:B66"/>
    <mergeCell ref="A68:H68"/>
    <mergeCell ref="A71:H71"/>
    <mergeCell ref="B51:H51"/>
    <mergeCell ref="B52:H52"/>
    <mergeCell ref="A54:H54"/>
    <mergeCell ref="A57:H57"/>
    <mergeCell ref="A59:H59"/>
    <mergeCell ref="A61:H61"/>
    <mergeCell ref="A48:H48"/>
    <mergeCell ref="A21:H21"/>
    <mergeCell ref="B22:H22"/>
    <mergeCell ref="A27:A29"/>
    <mergeCell ref="A31:H31"/>
    <mergeCell ref="A33:H33"/>
    <mergeCell ref="B34:H34"/>
    <mergeCell ref="B37:H37"/>
    <mergeCell ref="B38:H38"/>
    <mergeCell ref="A41:H41"/>
    <mergeCell ref="A43:H43"/>
    <mergeCell ref="A45:H45"/>
    <mergeCell ref="A16:H16"/>
    <mergeCell ref="A2:H2"/>
    <mergeCell ref="A6:H6"/>
    <mergeCell ref="A8:H8"/>
    <mergeCell ref="A10:H10"/>
    <mergeCell ref="A14:H14"/>
  </mergeCells>
  <phoneticPr fontId="3"/>
  <pageMargins left="0.82677165354330717" right="0.62992125984251968" top="0.62992125984251968" bottom="0.62992125984251968" header="0.31496062992125984" footer="0.31496062992125984"/>
  <pageSetup paperSize="9" scale="99" orientation="portrait" r:id="rId1"/>
  <rowBreaks count="1" manualBreakCount="1">
    <brk id="46" max="7"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67"/>
  <sheetViews>
    <sheetView topLeftCell="A22" workbookViewId="0">
      <selection activeCell="I15" sqref="I15"/>
    </sheetView>
  </sheetViews>
  <sheetFormatPr defaultRowHeight="13.5"/>
  <cols>
    <col min="1" max="1" width="16.125" style="7" bestFit="1" customWidth="1"/>
    <col min="2" max="8" width="9" style="7"/>
    <col min="9" max="9" width="9.625" style="7" customWidth="1"/>
    <col min="10" max="16384" width="9" style="7"/>
  </cols>
  <sheetData>
    <row r="1" spans="1:9">
      <c r="A1" s="7" t="s">
        <v>18</v>
      </c>
    </row>
    <row r="3" spans="1:9" ht="13.5" customHeight="1">
      <c r="A3" s="8"/>
      <c r="B3" s="8"/>
      <c r="C3" s="8"/>
      <c r="D3" s="8"/>
      <c r="E3" s="8"/>
      <c r="F3" s="8"/>
      <c r="G3" s="8"/>
      <c r="H3" s="8"/>
      <c r="I3" s="8"/>
    </row>
    <row r="5" spans="1:9">
      <c r="G5" s="7" t="s">
        <v>384</v>
      </c>
    </row>
    <row r="8" spans="1:9">
      <c r="A8" s="7" t="s">
        <v>12</v>
      </c>
    </row>
    <row r="10" spans="1:9" s="1" customFormat="1" ht="21" customHeight="1">
      <c r="E10" s="1" t="s">
        <v>19</v>
      </c>
    </row>
    <row r="11" spans="1:9" s="1" customFormat="1" ht="21" customHeight="1">
      <c r="E11" s="1" t="s">
        <v>0</v>
      </c>
    </row>
    <row r="12" spans="1:9" s="1" customFormat="1" ht="6.95" customHeight="1"/>
    <row r="13" spans="1:9" s="1" customFormat="1" ht="21" customHeight="1">
      <c r="E13" s="1" t="s">
        <v>1</v>
      </c>
    </row>
    <row r="14" spans="1:9" s="1" customFormat="1" ht="6.95" customHeight="1"/>
    <row r="15" spans="1:9" s="1" customFormat="1" ht="21" customHeight="1">
      <c r="E15" s="1" t="s">
        <v>2</v>
      </c>
      <c r="I15" s="3"/>
    </row>
    <row r="16" spans="1:9" s="1" customFormat="1" ht="6.95" customHeight="1"/>
    <row r="17" spans="1:9" s="1" customFormat="1" ht="21" customHeight="1">
      <c r="E17" s="1" t="s">
        <v>20</v>
      </c>
      <c r="F17" s="273" t="s">
        <v>21</v>
      </c>
      <c r="G17" s="273"/>
      <c r="H17" s="273"/>
      <c r="I17" s="273"/>
    </row>
    <row r="19" spans="1:9" ht="21" customHeight="1"/>
    <row r="20" spans="1:9" ht="24" customHeight="1">
      <c r="A20" s="274" t="s">
        <v>22</v>
      </c>
      <c r="B20" s="274"/>
      <c r="C20" s="274"/>
      <c r="D20" s="274"/>
      <c r="E20" s="274"/>
      <c r="F20" s="274"/>
      <c r="G20" s="274"/>
      <c r="H20" s="274"/>
      <c r="I20" s="274"/>
    </row>
    <row r="21" spans="1:9" ht="11.25" customHeight="1"/>
    <row r="22" spans="1:9">
      <c r="A22" s="275"/>
      <c r="B22" s="275"/>
      <c r="C22" s="275"/>
      <c r="D22" s="275"/>
      <c r="E22" s="275"/>
      <c r="F22" s="275"/>
      <c r="G22" s="275"/>
      <c r="H22" s="275"/>
      <c r="I22" s="275"/>
    </row>
    <row r="23" spans="1:9" ht="24.95" customHeight="1">
      <c r="A23" s="272" t="s">
        <v>23</v>
      </c>
      <c r="B23" s="276"/>
      <c r="C23" s="276"/>
      <c r="D23" s="276"/>
      <c r="E23" s="276"/>
      <c r="F23" s="276"/>
      <c r="G23" s="276"/>
      <c r="H23" s="276"/>
      <c r="I23" s="276"/>
    </row>
    <row r="24" spans="1:9" ht="24.95" customHeight="1">
      <c r="A24" s="276"/>
      <c r="B24" s="276"/>
      <c r="C24" s="276"/>
      <c r="D24" s="276"/>
      <c r="E24" s="276"/>
      <c r="F24" s="276"/>
      <c r="G24" s="276"/>
      <c r="H24" s="276"/>
      <c r="I24" s="276"/>
    </row>
    <row r="25" spans="1:9" ht="24.95" customHeight="1">
      <c r="A25" s="276"/>
      <c r="B25" s="276"/>
      <c r="C25" s="276"/>
      <c r="D25" s="276"/>
      <c r="E25" s="276"/>
      <c r="F25" s="276"/>
      <c r="G25" s="276"/>
      <c r="H25" s="276"/>
      <c r="I25" s="276"/>
    </row>
    <row r="26" spans="1:9" ht="24.95" customHeight="1">
      <c r="A26" s="276"/>
      <c r="B26" s="276"/>
      <c r="C26" s="276"/>
      <c r="D26" s="276"/>
      <c r="E26" s="276"/>
      <c r="F26" s="276"/>
      <c r="G26" s="276"/>
      <c r="H26" s="276"/>
      <c r="I26" s="276"/>
    </row>
    <row r="27" spans="1:9" ht="21" customHeight="1">
      <c r="A27" s="273" t="s">
        <v>24</v>
      </c>
      <c r="B27" s="273"/>
      <c r="C27" s="273"/>
      <c r="D27" s="273"/>
      <c r="E27" s="273"/>
      <c r="F27" s="273"/>
      <c r="G27" s="273"/>
      <c r="H27" s="273"/>
      <c r="I27" s="273"/>
    </row>
    <row r="28" spans="1:9" ht="21" customHeight="1">
      <c r="A28" s="9"/>
      <c r="B28" s="9"/>
      <c r="C28" s="9"/>
    </row>
    <row r="29" spans="1:9" ht="21" customHeight="1">
      <c r="A29" s="272" t="s">
        <v>25</v>
      </c>
      <c r="B29" s="272"/>
      <c r="C29" s="272"/>
      <c r="D29" s="272"/>
      <c r="E29" s="272"/>
      <c r="F29" s="272"/>
      <c r="G29" s="272"/>
      <c r="H29" s="272"/>
      <c r="I29" s="272"/>
    </row>
    <row r="30" spans="1:9" ht="21" customHeight="1">
      <c r="A30" s="272"/>
      <c r="B30" s="272"/>
      <c r="C30" s="272"/>
      <c r="D30" s="272"/>
      <c r="E30" s="272"/>
      <c r="F30" s="272"/>
      <c r="G30" s="272"/>
      <c r="H30" s="272"/>
      <c r="I30" s="272"/>
    </row>
    <row r="31" spans="1:9" ht="21" customHeight="1">
      <c r="A31" s="272"/>
      <c r="B31" s="272"/>
      <c r="C31" s="272"/>
      <c r="D31" s="272"/>
      <c r="E31" s="272"/>
      <c r="F31" s="272"/>
      <c r="G31" s="272"/>
      <c r="H31" s="272"/>
      <c r="I31" s="272"/>
    </row>
    <row r="32" spans="1:9" ht="21" customHeight="1">
      <c r="A32" s="272"/>
      <c r="B32" s="272"/>
      <c r="C32" s="272"/>
      <c r="D32" s="272"/>
      <c r="E32" s="272"/>
      <c r="F32" s="272"/>
      <c r="G32" s="272"/>
      <c r="H32" s="272"/>
      <c r="I32" s="272"/>
    </row>
    <row r="33" spans="1:9" ht="21" customHeight="1">
      <c r="A33" s="272"/>
      <c r="B33" s="272"/>
      <c r="C33" s="272"/>
      <c r="D33" s="272"/>
      <c r="E33" s="272"/>
      <c r="F33" s="272"/>
      <c r="G33" s="272"/>
      <c r="H33" s="272"/>
      <c r="I33" s="272"/>
    </row>
    <row r="34" spans="1:9" ht="21" customHeight="1">
      <c r="A34" s="272"/>
      <c r="B34" s="272"/>
      <c r="C34" s="272"/>
      <c r="D34" s="272"/>
      <c r="E34" s="272"/>
      <c r="F34" s="272"/>
      <c r="G34" s="272"/>
      <c r="H34" s="272"/>
      <c r="I34" s="272"/>
    </row>
    <row r="35" spans="1:9" ht="21" customHeight="1">
      <c r="A35" s="272"/>
      <c r="B35" s="272"/>
      <c r="C35" s="272"/>
      <c r="D35" s="272"/>
      <c r="E35" s="272"/>
      <c r="F35" s="272"/>
      <c r="G35" s="272"/>
      <c r="H35" s="272"/>
      <c r="I35" s="272"/>
    </row>
    <row r="36" spans="1:9" ht="21" customHeight="1">
      <c r="A36" s="10"/>
      <c r="B36" s="10"/>
      <c r="C36" s="10"/>
      <c r="D36" s="10"/>
      <c r="E36" s="10"/>
      <c r="F36" s="10"/>
      <c r="G36" s="10"/>
      <c r="H36" s="10"/>
      <c r="I36" s="10"/>
    </row>
    <row r="37" spans="1:9" ht="21" customHeight="1">
      <c r="A37" s="10"/>
      <c r="B37" s="10"/>
      <c r="C37" s="10"/>
      <c r="D37" s="10"/>
      <c r="E37" s="10"/>
      <c r="F37" s="10"/>
      <c r="G37" s="10"/>
      <c r="H37" s="10"/>
      <c r="I37" s="10"/>
    </row>
    <row r="38" spans="1:9" ht="21" customHeight="1"/>
    <row r="39" spans="1:9" ht="21" customHeight="1">
      <c r="A39" s="7" t="s">
        <v>26</v>
      </c>
    </row>
    <row r="40" spans="1:9" ht="21" customHeight="1"/>
    <row r="41" spans="1:9" ht="21" customHeight="1"/>
    <row r="42" spans="1:9" ht="21" customHeight="1"/>
    <row r="43" spans="1:9" ht="21" customHeight="1"/>
    <row r="44" spans="1:9" ht="21" customHeight="1"/>
    <row r="45" spans="1:9" ht="21" customHeight="1"/>
    <row r="46" spans="1:9" ht="21" customHeight="1"/>
    <row r="47" spans="1:9" ht="21" customHeight="1"/>
    <row r="48" spans="1:9" ht="21" customHeight="1"/>
    <row r="49" ht="21" customHeight="1"/>
    <row r="50" ht="21" customHeight="1"/>
    <row r="51" ht="21" customHeight="1"/>
    <row r="52" ht="21" customHeight="1"/>
    <row r="53" ht="21" customHeight="1"/>
    <row r="54" ht="21" customHeight="1"/>
    <row r="55" ht="21" customHeight="1"/>
    <row r="56" ht="21" customHeight="1"/>
    <row r="57" ht="21" customHeight="1"/>
    <row r="58" ht="21" customHeight="1"/>
    <row r="59" ht="21" customHeight="1"/>
    <row r="67" spans="1:1">
      <c r="A67" s="7" t="s">
        <v>17</v>
      </c>
    </row>
  </sheetData>
  <mergeCells count="6">
    <mergeCell ref="A29:I35"/>
    <mergeCell ref="F17:I17"/>
    <mergeCell ref="A20:I20"/>
    <mergeCell ref="A22:I22"/>
    <mergeCell ref="A23:I26"/>
    <mergeCell ref="A27:I27"/>
  </mergeCells>
  <phoneticPr fontId="3"/>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53"/>
  <sheetViews>
    <sheetView view="pageBreakPreview" zoomScale="85" zoomScaleNormal="100" zoomScaleSheetLayoutView="85" workbookViewId="0">
      <selection activeCell="D15" sqref="D15:E15"/>
    </sheetView>
  </sheetViews>
  <sheetFormatPr defaultRowHeight="13.5"/>
  <cols>
    <col min="1" max="1" width="3" style="7" customWidth="1"/>
    <col min="2" max="2" width="10.375" style="7" customWidth="1"/>
    <col min="3" max="3" width="12.625" style="7" customWidth="1"/>
    <col min="4" max="4" width="13.875" style="7" customWidth="1"/>
    <col min="5" max="5" width="14.75" style="7" customWidth="1"/>
    <col min="6" max="6" width="13" style="7" customWidth="1"/>
    <col min="7" max="7" width="6.5" style="7" customWidth="1"/>
    <col min="8" max="8" width="14.75" style="7" customWidth="1"/>
    <col min="9" max="16384" width="9" style="7"/>
  </cols>
  <sheetData>
    <row r="1" spans="1:8">
      <c r="A1" s="7" t="s">
        <v>27</v>
      </c>
    </row>
    <row r="2" spans="1:8" ht="27" customHeight="1">
      <c r="A2" s="281" t="s">
        <v>28</v>
      </c>
      <c r="B2" s="281"/>
      <c r="C2" s="281"/>
      <c r="D2" s="281"/>
      <c r="E2" s="281"/>
      <c r="F2" s="281"/>
      <c r="G2" s="281"/>
      <c r="H2" s="281"/>
    </row>
    <row r="3" spans="1:8" ht="14.25" thickBot="1"/>
    <row r="4" spans="1:8">
      <c r="A4" s="282" t="s">
        <v>29</v>
      </c>
      <c r="B4" s="283"/>
      <c r="C4" s="283"/>
      <c r="D4" s="284"/>
      <c r="E4" s="284"/>
      <c r="F4" s="284"/>
      <c r="G4" s="284"/>
      <c r="H4" s="285"/>
    </row>
    <row r="5" spans="1:8" ht="30.75" customHeight="1">
      <c r="A5" s="286" t="s">
        <v>30</v>
      </c>
      <c r="B5" s="287"/>
      <c r="C5" s="287"/>
      <c r="D5" s="288"/>
      <c r="E5" s="288"/>
      <c r="F5" s="288"/>
      <c r="G5" s="288"/>
      <c r="H5" s="289"/>
    </row>
    <row r="6" spans="1:8" ht="24.95" customHeight="1">
      <c r="A6" s="277" t="s">
        <v>31</v>
      </c>
      <c r="B6" s="278"/>
      <c r="C6" s="278"/>
      <c r="D6" s="279"/>
      <c r="E6" s="279"/>
      <c r="F6" s="279"/>
      <c r="G6" s="279"/>
      <c r="H6" s="280"/>
    </row>
    <row r="7" spans="1:8" ht="24.95" customHeight="1">
      <c r="A7" s="277" t="s">
        <v>5</v>
      </c>
      <c r="B7" s="278"/>
      <c r="C7" s="278"/>
      <c r="D7" s="279"/>
      <c r="E7" s="279"/>
      <c r="F7" s="279"/>
      <c r="G7" s="279"/>
      <c r="H7" s="280"/>
    </row>
    <row r="8" spans="1:8" ht="24.95" customHeight="1">
      <c r="A8" s="277" t="s">
        <v>32</v>
      </c>
      <c r="B8" s="278"/>
      <c r="C8" s="278"/>
      <c r="D8" s="279"/>
      <c r="E8" s="279"/>
      <c r="F8" s="279"/>
      <c r="G8" s="279"/>
      <c r="H8" s="280"/>
    </row>
    <row r="9" spans="1:8" ht="24.95" customHeight="1">
      <c r="A9" s="277" t="s">
        <v>33</v>
      </c>
      <c r="B9" s="278"/>
      <c r="C9" s="278"/>
      <c r="D9" s="279"/>
      <c r="E9" s="279"/>
      <c r="F9" s="279"/>
      <c r="G9" s="279"/>
      <c r="H9" s="280"/>
    </row>
    <row r="10" spans="1:8" ht="18" customHeight="1">
      <c r="A10" s="277" t="s">
        <v>34</v>
      </c>
      <c r="B10" s="278"/>
      <c r="C10" s="290" t="s">
        <v>35</v>
      </c>
      <c r="D10" s="290"/>
      <c r="E10" s="290"/>
      <c r="F10" s="290"/>
      <c r="G10" s="290"/>
      <c r="H10" s="291"/>
    </row>
    <row r="11" spans="1:8" ht="18" customHeight="1">
      <c r="A11" s="277"/>
      <c r="B11" s="278"/>
      <c r="C11" s="290"/>
      <c r="D11" s="290"/>
      <c r="E11" s="290"/>
      <c r="F11" s="290"/>
      <c r="G11" s="290"/>
      <c r="H11" s="291"/>
    </row>
    <row r="12" spans="1:8" ht="30" customHeight="1">
      <c r="A12" s="292" t="s">
        <v>36</v>
      </c>
      <c r="B12" s="293"/>
      <c r="C12" s="294"/>
      <c r="D12" s="295"/>
      <c r="E12" s="295"/>
      <c r="F12" s="295"/>
      <c r="G12" s="295"/>
      <c r="H12" s="296"/>
    </row>
    <row r="13" spans="1:8" ht="30" customHeight="1">
      <c r="A13" s="297" t="s">
        <v>37</v>
      </c>
      <c r="B13" s="299" t="s">
        <v>38</v>
      </c>
      <c r="C13" s="300"/>
      <c r="D13" s="301"/>
      <c r="E13" s="302"/>
      <c r="F13" s="302"/>
      <c r="G13" s="302"/>
      <c r="H13" s="303"/>
    </row>
    <row r="14" spans="1:8" ht="15" customHeight="1">
      <c r="A14" s="297"/>
      <c r="B14" s="304" t="s">
        <v>29</v>
      </c>
      <c r="C14" s="304"/>
      <c r="D14" s="305"/>
      <c r="E14" s="305"/>
      <c r="F14" s="278" t="s">
        <v>20</v>
      </c>
      <c r="G14" s="279"/>
      <c r="H14" s="280"/>
    </row>
    <row r="15" spans="1:8" ht="30" customHeight="1" thickBot="1">
      <c r="A15" s="298"/>
      <c r="B15" s="309" t="s">
        <v>39</v>
      </c>
      <c r="C15" s="309"/>
      <c r="D15" s="310"/>
      <c r="E15" s="310"/>
      <c r="F15" s="306"/>
      <c r="G15" s="307"/>
      <c r="H15" s="308"/>
    </row>
    <row r="16" spans="1:8" ht="14.25" thickBot="1">
      <c r="A16" s="11"/>
      <c r="B16" s="11"/>
      <c r="C16" s="11"/>
      <c r="D16" s="11"/>
      <c r="E16" s="11"/>
      <c r="F16" s="11"/>
      <c r="G16" s="11"/>
      <c r="H16" s="11"/>
    </row>
    <row r="17" spans="1:8" ht="130.5" customHeight="1">
      <c r="A17" s="12" t="s">
        <v>40</v>
      </c>
      <c r="B17" s="311"/>
      <c r="C17" s="311"/>
      <c r="D17" s="311"/>
      <c r="E17" s="311"/>
      <c r="F17" s="311"/>
      <c r="G17" s="311"/>
      <c r="H17" s="312"/>
    </row>
    <row r="18" spans="1:8" ht="130.5" customHeight="1" thickBot="1">
      <c r="A18" s="13" t="s">
        <v>41</v>
      </c>
      <c r="B18" s="313"/>
      <c r="C18" s="314"/>
      <c r="D18" s="314"/>
      <c r="E18" s="314"/>
      <c r="F18" s="314"/>
      <c r="G18" s="314"/>
      <c r="H18" s="315"/>
    </row>
    <row r="19" spans="1:8" ht="12" customHeight="1">
      <c r="A19" s="14"/>
      <c r="B19" s="15"/>
      <c r="C19" s="15"/>
      <c r="D19" s="15"/>
      <c r="E19" s="15"/>
      <c r="F19" s="15"/>
      <c r="G19" s="15"/>
      <c r="H19" s="15"/>
    </row>
    <row r="20" spans="1:8" ht="24.95" customHeight="1">
      <c r="A20" s="325"/>
      <c r="B20" s="318"/>
      <c r="C20" s="318"/>
      <c r="D20" s="318"/>
      <c r="E20" s="326"/>
      <c r="F20" s="326"/>
      <c r="G20" s="326"/>
      <c r="H20" s="326"/>
    </row>
    <row r="21" spans="1:8" ht="24.95" customHeight="1">
      <c r="A21" s="325"/>
      <c r="B21" s="318"/>
      <c r="C21" s="318"/>
      <c r="D21" s="318"/>
      <c r="E21" s="327"/>
      <c r="F21" s="327"/>
      <c r="G21" s="327"/>
      <c r="H21" s="327"/>
    </row>
    <row r="22" spans="1:8" ht="24.95" customHeight="1">
      <c r="A22" s="325"/>
      <c r="B22" s="318"/>
      <c r="C22" s="318"/>
      <c r="D22" s="318"/>
      <c r="E22" s="326"/>
      <c r="F22" s="326"/>
      <c r="G22" s="326"/>
      <c r="H22" s="326"/>
    </row>
    <row r="23" spans="1:8" ht="28.5" customHeight="1">
      <c r="A23" s="325"/>
      <c r="B23" s="318"/>
      <c r="C23" s="318"/>
      <c r="D23" s="318"/>
      <c r="E23" s="319"/>
      <c r="F23" s="319"/>
      <c r="G23" s="319"/>
      <c r="H23" s="319"/>
    </row>
    <row r="24" spans="1:8" ht="28.5" customHeight="1">
      <c r="A24" s="325"/>
      <c r="B24" s="320"/>
      <c r="C24" s="320"/>
      <c r="D24" s="320"/>
      <c r="E24" s="319"/>
      <c r="F24" s="319"/>
      <c r="G24" s="319"/>
      <c r="H24" s="319"/>
    </row>
    <row r="25" spans="1:8" ht="26.25" customHeight="1">
      <c r="A25" s="325"/>
      <c r="B25" s="321"/>
      <c r="C25" s="321"/>
      <c r="D25" s="321"/>
      <c r="E25" s="321"/>
      <c r="F25" s="321"/>
      <c r="G25" s="321"/>
      <c r="H25" s="321"/>
    </row>
    <row r="26" spans="1:8" ht="12" customHeight="1" thickBot="1">
      <c r="A26" s="16"/>
      <c r="B26" s="17"/>
      <c r="C26" s="17"/>
      <c r="D26" s="17"/>
      <c r="E26" s="17"/>
      <c r="F26" s="17"/>
      <c r="G26" s="17"/>
      <c r="H26" s="17"/>
    </row>
    <row r="27" spans="1:8" ht="18.75" customHeight="1">
      <c r="A27" s="322" t="s">
        <v>42</v>
      </c>
      <c r="B27" s="323"/>
      <c r="C27" s="323"/>
      <c r="D27" s="323"/>
      <c r="E27" s="323"/>
      <c r="F27" s="323"/>
      <c r="G27" s="323"/>
      <c r="H27" s="324"/>
    </row>
    <row r="28" spans="1:8" ht="33" customHeight="1">
      <c r="A28" s="18"/>
      <c r="B28" s="19" t="s">
        <v>43</v>
      </c>
      <c r="C28" s="19" t="s">
        <v>44</v>
      </c>
      <c r="D28" s="19" t="s">
        <v>45</v>
      </c>
      <c r="E28" s="19" t="s">
        <v>46</v>
      </c>
      <c r="F28" s="19" t="s">
        <v>47</v>
      </c>
      <c r="G28" s="278" t="s">
        <v>31</v>
      </c>
      <c r="H28" s="328"/>
    </row>
    <row r="29" spans="1:8" ht="25.5" customHeight="1">
      <c r="A29" s="20">
        <v>1</v>
      </c>
      <c r="B29" s="21"/>
      <c r="C29" s="21"/>
      <c r="D29" s="21"/>
      <c r="E29" s="21"/>
      <c r="F29" s="21"/>
      <c r="G29" s="316"/>
      <c r="H29" s="317"/>
    </row>
    <row r="30" spans="1:8" ht="25.5" customHeight="1">
      <c r="A30" s="20">
        <v>2</v>
      </c>
      <c r="B30" s="21"/>
      <c r="C30" s="21"/>
      <c r="D30" s="21"/>
      <c r="E30" s="21"/>
      <c r="F30" s="21"/>
      <c r="G30" s="316"/>
      <c r="H30" s="317"/>
    </row>
    <row r="31" spans="1:8" ht="25.5" customHeight="1">
      <c r="A31" s="20">
        <v>3</v>
      </c>
      <c r="B31" s="21"/>
      <c r="C31" s="21"/>
      <c r="D31" s="21"/>
      <c r="E31" s="21"/>
      <c r="F31" s="21"/>
      <c r="G31" s="316"/>
      <c r="H31" s="317"/>
    </row>
    <row r="32" spans="1:8" ht="25.5" customHeight="1">
      <c r="A32" s="20">
        <v>4</v>
      </c>
      <c r="B32" s="21"/>
      <c r="C32" s="21"/>
      <c r="D32" s="21"/>
      <c r="E32" s="21"/>
      <c r="F32" s="21"/>
      <c r="G32" s="316"/>
      <c r="H32" s="317"/>
    </row>
    <row r="33" spans="1:8" ht="25.5" customHeight="1">
      <c r="A33" s="20">
        <v>5</v>
      </c>
      <c r="B33" s="21"/>
      <c r="C33" s="21"/>
      <c r="D33" s="21"/>
      <c r="E33" s="21"/>
      <c r="F33" s="21"/>
      <c r="G33" s="316"/>
      <c r="H33" s="317"/>
    </row>
    <row r="34" spans="1:8" ht="25.5" customHeight="1">
      <c r="A34" s="20">
        <v>6</v>
      </c>
      <c r="B34" s="21"/>
      <c r="C34" s="21"/>
      <c r="D34" s="21"/>
      <c r="E34" s="21"/>
      <c r="F34" s="21"/>
      <c r="G34" s="316"/>
      <c r="H34" s="317"/>
    </row>
    <row r="35" spans="1:8" ht="25.5" customHeight="1">
      <c r="A35" s="20">
        <v>7</v>
      </c>
      <c r="B35" s="21"/>
      <c r="C35" s="21"/>
      <c r="D35" s="21"/>
      <c r="E35" s="21"/>
      <c r="F35" s="21"/>
      <c r="G35" s="316"/>
      <c r="H35" s="317"/>
    </row>
    <row r="36" spans="1:8" ht="25.5" customHeight="1" thickBot="1">
      <c r="A36" s="22">
        <v>8</v>
      </c>
      <c r="B36" s="23"/>
      <c r="C36" s="23"/>
      <c r="D36" s="23"/>
      <c r="E36" s="23"/>
      <c r="F36" s="23"/>
      <c r="G36" s="329"/>
      <c r="H36" s="330"/>
    </row>
    <row r="37" spans="1:8" ht="14.25" thickBot="1">
      <c r="A37" s="11"/>
      <c r="B37" s="11"/>
      <c r="C37" s="11"/>
      <c r="D37" s="11"/>
      <c r="E37" s="11"/>
      <c r="F37" s="11"/>
      <c r="G37" s="11"/>
      <c r="H37" s="11"/>
    </row>
    <row r="38" spans="1:8" ht="17.25" customHeight="1">
      <c r="A38" s="331" t="s">
        <v>48</v>
      </c>
      <c r="B38" s="24" t="s">
        <v>44</v>
      </c>
      <c r="C38" s="24" t="s">
        <v>49</v>
      </c>
      <c r="D38" s="24" t="s">
        <v>50</v>
      </c>
      <c r="E38" s="24" t="s">
        <v>31</v>
      </c>
      <c r="F38" s="24" t="s">
        <v>46</v>
      </c>
      <c r="G38" s="334" t="s">
        <v>51</v>
      </c>
      <c r="H38" s="335"/>
    </row>
    <row r="39" spans="1:8" ht="30" customHeight="1">
      <c r="A39" s="332"/>
      <c r="B39" s="25"/>
      <c r="C39" s="25"/>
      <c r="D39" s="25"/>
      <c r="E39" s="25"/>
      <c r="F39" s="25"/>
      <c r="G39" s="336"/>
      <c r="H39" s="337"/>
    </row>
    <row r="40" spans="1:8" ht="30" customHeight="1">
      <c r="A40" s="332"/>
      <c r="B40" s="25"/>
      <c r="C40" s="25"/>
      <c r="D40" s="25"/>
      <c r="E40" s="25"/>
      <c r="F40" s="25"/>
      <c r="G40" s="336"/>
      <c r="H40" s="337"/>
    </row>
    <row r="41" spans="1:8" ht="30" customHeight="1">
      <c r="A41" s="332"/>
      <c r="B41" s="25"/>
      <c r="C41" s="25"/>
      <c r="D41" s="25"/>
      <c r="E41" s="25"/>
      <c r="F41" s="25"/>
      <c r="G41" s="336"/>
      <c r="H41" s="337"/>
    </row>
    <row r="42" spans="1:8" ht="30" customHeight="1">
      <c r="A42" s="332"/>
      <c r="B42" s="25"/>
      <c r="C42" s="25"/>
      <c r="D42" s="25"/>
      <c r="E42" s="25"/>
      <c r="F42" s="25"/>
      <c r="G42" s="336"/>
      <c r="H42" s="337"/>
    </row>
    <row r="43" spans="1:8" ht="30" customHeight="1">
      <c r="A43" s="332"/>
      <c r="B43" s="25"/>
      <c r="C43" s="25"/>
      <c r="D43" s="25"/>
      <c r="E43" s="25"/>
      <c r="F43" s="25"/>
      <c r="G43" s="336"/>
      <c r="H43" s="337"/>
    </row>
    <row r="44" spans="1:8" ht="30" customHeight="1">
      <c r="A44" s="332"/>
      <c r="B44" s="25"/>
      <c r="C44" s="25"/>
      <c r="D44" s="25"/>
      <c r="E44" s="25"/>
      <c r="F44" s="25"/>
      <c r="G44" s="336"/>
      <c r="H44" s="337"/>
    </row>
    <row r="45" spans="1:8" ht="30" customHeight="1">
      <c r="A45" s="332"/>
      <c r="B45" s="25"/>
      <c r="C45" s="25"/>
      <c r="D45" s="25"/>
      <c r="E45" s="25"/>
      <c r="F45" s="25"/>
      <c r="G45" s="336"/>
      <c r="H45" s="337"/>
    </row>
    <row r="46" spans="1:8" ht="30" customHeight="1" thickBot="1">
      <c r="A46" s="333"/>
      <c r="B46" s="26"/>
      <c r="C46" s="26"/>
      <c r="D46" s="26"/>
      <c r="E46" s="26"/>
      <c r="F46" s="26"/>
      <c r="G46" s="338"/>
      <c r="H46" s="339"/>
    </row>
    <row r="47" spans="1:8" ht="14.25" thickBot="1">
      <c r="A47" s="11"/>
      <c r="B47" s="11"/>
      <c r="C47" s="11"/>
      <c r="D47" s="11"/>
      <c r="E47" s="11"/>
      <c r="F47" s="11"/>
      <c r="G47" s="11"/>
      <c r="H47" s="11"/>
    </row>
    <row r="48" spans="1:8" ht="48" customHeight="1">
      <c r="A48" s="340" t="s">
        <v>52</v>
      </c>
      <c r="B48" s="343" t="s">
        <v>53</v>
      </c>
      <c r="C48" s="343"/>
      <c r="D48" s="344" t="s">
        <v>54</v>
      </c>
      <c r="E48" s="344"/>
      <c r="F48" s="344"/>
      <c r="G48" s="345" t="s">
        <v>395</v>
      </c>
      <c r="H48" s="346"/>
    </row>
    <row r="49" spans="1:8" ht="26.25" customHeight="1">
      <c r="A49" s="341"/>
      <c r="B49" s="213" t="s">
        <v>55</v>
      </c>
      <c r="C49" s="213" t="s">
        <v>56</v>
      </c>
      <c r="D49" s="213" t="s">
        <v>57</v>
      </c>
      <c r="E49" s="213" t="s">
        <v>58</v>
      </c>
      <c r="F49" s="213" t="s">
        <v>59</v>
      </c>
      <c r="G49" s="347" t="s">
        <v>60</v>
      </c>
      <c r="H49" s="348"/>
    </row>
    <row r="50" spans="1:8" ht="27" customHeight="1">
      <c r="A50" s="341"/>
      <c r="B50" s="27"/>
      <c r="C50" s="27"/>
      <c r="D50" s="214"/>
      <c r="E50" s="214"/>
      <c r="F50" s="214"/>
      <c r="G50" s="349"/>
      <c r="H50" s="350"/>
    </row>
    <row r="51" spans="1:8" ht="27" customHeight="1">
      <c r="A51" s="341"/>
      <c r="B51" s="27"/>
      <c r="C51" s="27"/>
      <c r="D51" s="214"/>
      <c r="E51" s="27"/>
      <c r="F51" s="27"/>
      <c r="G51" s="349"/>
      <c r="H51" s="350"/>
    </row>
    <row r="52" spans="1:8" ht="27" customHeight="1" thickBot="1">
      <c r="A52" s="341"/>
      <c r="B52" s="28"/>
      <c r="C52" s="28"/>
      <c r="D52" s="215"/>
      <c r="E52" s="215"/>
      <c r="F52" s="215"/>
      <c r="G52" s="351"/>
      <c r="H52" s="352"/>
    </row>
    <row r="53" spans="1:8" ht="49.5" customHeight="1" thickTop="1" thickBot="1">
      <c r="A53" s="342"/>
      <c r="B53" s="353" t="s">
        <v>61</v>
      </c>
      <c r="C53" s="353"/>
      <c r="D53" s="216"/>
      <c r="E53" s="216"/>
      <c r="F53" s="217"/>
      <c r="G53" s="354"/>
      <c r="H53" s="355"/>
    </row>
  </sheetData>
  <mergeCells count="68">
    <mergeCell ref="A48:A53"/>
    <mergeCell ref="B48:C48"/>
    <mergeCell ref="D48:F48"/>
    <mergeCell ref="G48:H48"/>
    <mergeCell ref="G49:H49"/>
    <mergeCell ref="G50:H50"/>
    <mergeCell ref="G51:H51"/>
    <mergeCell ref="G52:H52"/>
    <mergeCell ref="B53:C53"/>
    <mergeCell ref="G53:H53"/>
    <mergeCell ref="G36:H36"/>
    <mergeCell ref="A38:A46"/>
    <mergeCell ref="G38:H38"/>
    <mergeCell ref="G39:H39"/>
    <mergeCell ref="G40:H40"/>
    <mergeCell ref="G41:H41"/>
    <mergeCell ref="G42:H42"/>
    <mergeCell ref="G43:H43"/>
    <mergeCell ref="G44:H44"/>
    <mergeCell ref="G45:H45"/>
    <mergeCell ref="G46:H46"/>
    <mergeCell ref="G30:H30"/>
    <mergeCell ref="G31:H31"/>
    <mergeCell ref="G32:H32"/>
    <mergeCell ref="G34:H34"/>
    <mergeCell ref="G35:H35"/>
    <mergeCell ref="B17:H17"/>
    <mergeCell ref="B18:H18"/>
    <mergeCell ref="G33:H33"/>
    <mergeCell ref="B23:D23"/>
    <mergeCell ref="E23:H23"/>
    <mergeCell ref="B24:D24"/>
    <mergeCell ref="E24:H24"/>
    <mergeCell ref="B25:H25"/>
    <mergeCell ref="A27:H27"/>
    <mergeCell ref="A20:A25"/>
    <mergeCell ref="B20:D22"/>
    <mergeCell ref="E20:H20"/>
    <mergeCell ref="E21:H21"/>
    <mergeCell ref="E22:H22"/>
    <mergeCell ref="G28:H28"/>
    <mergeCell ref="G29:H29"/>
    <mergeCell ref="A10:B11"/>
    <mergeCell ref="C10:H11"/>
    <mergeCell ref="A12:C12"/>
    <mergeCell ref="D12:H12"/>
    <mergeCell ref="A13:A15"/>
    <mergeCell ref="B13:C13"/>
    <mergeCell ref="D13:H13"/>
    <mergeCell ref="B14:C14"/>
    <mergeCell ref="D14:E14"/>
    <mergeCell ref="F14:F15"/>
    <mergeCell ref="G14:H15"/>
    <mergeCell ref="B15:C15"/>
    <mergeCell ref="D15:E15"/>
    <mergeCell ref="A7:C7"/>
    <mergeCell ref="D7:H7"/>
    <mergeCell ref="A8:C8"/>
    <mergeCell ref="D8:H8"/>
    <mergeCell ref="A9:C9"/>
    <mergeCell ref="D9:H9"/>
    <mergeCell ref="A6:C6"/>
    <mergeCell ref="D6:H6"/>
    <mergeCell ref="A2:H2"/>
    <mergeCell ref="A4:C4"/>
    <mergeCell ref="D4:H4"/>
    <mergeCell ref="A5:C5"/>
    <mergeCell ref="D5:H5"/>
  </mergeCells>
  <phoneticPr fontId="3"/>
  <pageMargins left="0.70866141732283472" right="0.70866141732283472" top="0.74803149606299213" bottom="0.74803149606299213" header="0.31496062992125984" footer="0.31496062992125984"/>
  <pageSetup paperSize="9" orientation="portrait" horizontalDpi="300" verticalDpi="30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34"/>
  <sheetViews>
    <sheetView topLeftCell="A31" workbookViewId="0">
      <selection activeCell="I16" sqref="I16"/>
    </sheetView>
  </sheetViews>
  <sheetFormatPr defaultRowHeight="13.5"/>
  <cols>
    <col min="1" max="1" width="9.75" style="7" customWidth="1"/>
    <col min="2" max="2" width="6.625" style="7" customWidth="1"/>
    <col min="3" max="3" width="8.875" style="7" customWidth="1"/>
    <col min="4" max="4" width="28.625" style="7" customWidth="1"/>
    <col min="5" max="5" width="10.875" style="7" customWidth="1"/>
    <col min="6" max="6" width="25.125" style="7" customWidth="1"/>
    <col min="7" max="16384" width="9" style="7"/>
  </cols>
  <sheetData>
    <row r="1" spans="1:6">
      <c r="A1" s="7" t="s">
        <v>62</v>
      </c>
    </row>
    <row r="2" spans="1:6" ht="24" customHeight="1">
      <c r="A2" s="281" t="s">
        <v>63</v>
      </c>
      <c r="B2" s="281"/>
      <c r="C2" s="281"/>
      <c r="D2" s="281"/>
      <c r="E2" s="281"/>
      <c r="F2" s="281"/>
    </row>
    <row r="3" spans="1:6" ht="14.25" thickBot="1"/>
    <row r="4" spans="1:6" ht="30.75" customHeight="1">
      <c r="A4" s="356" t="s">
        <v>30</v>
      </c>
      <c r="B4" s="357"/>
      <c r="C4" s="358"/>
      <c r="D4" s="359"/>
      <c r="E4" s="359"/>
      <c r="F4" s="360"/>
    </row>
    <row r="5" spans="1:6">
      <c r="A5" s="361" t="s">
        <v>64</v>
      </c>
      <c r="B5" s="362"/>
      <c r="C5" s="363"/>
      <c r="D5" s="364"/>
      <c r="E5" s="365" t="s">
        <v>20</v>
      </c>
      <c r="F5" s="366" t="s">
        <v>65</v>
      </c>
    </row>
    <row r="6" spans="1:6" ht="29.25" customHeight="1">
      <c r="A6" s="368" t="s">
        <v>39</v>
      </c>
      <c r="B6" s="369"/>
      <c r="C6" s="370"/>
      <c r="D6" s="371"/>
      <c r="E6" s="365"/>
      <c r="F6" s="367"/>
    </row>
    <row r="7" spans="1:6" ht="20.25" customHeight="1">
      <c r="A7" s="372" t="s">
        <v>38</v>
      </c>
      <c r="B7" s="365"/>
      <c r="C7" s="375"/>
      <c r="D7" s="376"/>
      <c r="E7" s="362" t="s">
        <v>5</v>
      </c>
      <c r="F7" s="380"/>
    </row>
    <row r="8" spans="1:6" ht="20.25" customHeight="1" thickBot="1">
      <c r="A8" s="373"/>
      <c r="B8" s="374"/>
      <c r="C8" s="377"/>
      <c r="D8" s="378"/>
      <c r="E8" s="379"/>
      <c r="F8" s="381"/>
    </row>
    <row r="9" spans="1:6" ht="14.25" thickBot="1">
      <c r="C9" s="29"/>
    </row>
    <row r="10" spans="1:6" ht="18" customHeight="1">
      <c r="A10" s="30" t="s">
        <v>66</v>
      </c>
      <c r="B10" s="31" t="s">
        <v>67</v>
      </c>
      <c r="C10" s="32" t="s">
        <v>66</v>
      </c>
      <c r="D10" s="382" t="s">
        <v>68</v>
      </c>
      <c r="E10" s="382"/>
      <c r="F10" s="383"/>
    </row>
    <row r="11" spans="1:6" ht="27" customHeight="1">
      <c r="A11" s="33"/>
      <c r="B11" s="5" t="s">
        <v>67</v>
      </c>
      <c r="C11" s="34"/>
      <c r="D11" s="279"/>
      <c r="E11" s="279"/>
      <c r="F11" s="280"/>
    </row>
    <row r="12" spans="1:6" ht="27" customHeight="1">
      <c r="A12" s="35"/>
      <c r="B12" s="5" t="s">
        <v>67</v>
      </c>
      <c r="C12" s="36"/>
      <c r="D12" s="305"/>
      <c r="E12" s="305"/>
      <c r="F12" s="384"/>
    </row>
    <row r="13" spans="1:6" ht="18" customHeight="1">
      <c r="A13" s="385" t="s">
        <v>66</v>
      </c>
      <c r="B13" s="387" t="s">
        <v>67</v>
      </c>
      <c r="C13" s="387" t="s">
        <v>66</v>
      </c>
      <c r="D13" s="389" t="s">
        <v>69</v>
      </c>
      <c r="E13" s="389"/>
      <c r="F13" s="390"/>
    </row>
    <row r="14" spans="1:6" ht="18" customHeight="1">
      <c r="A14" s="386"/>
      <c r="B14" s="388"/>
      <c r="C14" s="388"/>
      <c r="D14" s="391" t="s">
        <v>70</v>
      </c>
      <c r="E14" s="392"/>
      <c r="F14" s="37" t="s">
        <v>71</v>
      </c>
    </row>
    <row r="15" spans="1:6" ht="27" customHeight="1">
      <c r="A15" s="33"/>
      <c r="B15" s="5" t="s">
        <v>67</v>
      </c>
      <c r="C15" s="34"/>
      <c r="D15" s="301"/>
      <c r="E15" s="396"/>
      <c r="F15" s="38"/>
    </row>
    <row r="16" spans="1:6" ht="27" customHeight="1">
      <c r="A16" s="35"/>
      <c r="B16" s="5" t="s">
        <v>67</v>
      </c>
      <c r="C16" s="36"/>
      <c r="D16" s="301"/>
      <c r="E16" s="396"/>
      <c r="F16" s="38"/>
    </row>
    <row r="17" spans="1:6" ht="27" customHeight="1">
      <c r="A17" s="35"/>
      <c r="B17" s="5" t="s">
        <v>67</v>
      </c>
      <c r="C17" s="36"/>
      <c r="D17" s="301"/>
      <c r="E17" s="396"/>
      <c r="F17" s="38"/>
    </row>
    <row r="18" spans="1:6" ht="27" customHeight="1">
      <c r="A18" s="35"/>
      <c r="B18" s="5" t="s">
        <v>67</v>
      </c>
      <c r="C18" s="36"/>
      <c r="D18" s="301"/>
      <c r="E18" s="396"/>
      <c r="F18" s="38"/>
    </row>
    <row r="19" spans="1:6" ht="27" customHeight="1">
      <c r="A19" s="35"/>
      <c r="B19" s="5" t="s">
        <v>67</v>
      </c>
      <c r="C19" s="36"/>
      <c r="D19" s="301"/>
      <c r="E19" s="396"/>
      <c r="F19" s="38"/>
    </row>
    <row r="20" spans="1:6" ht="27" customHeight="1">
      <c r="A20" s="35"/>
      <c r="B20" s="5" t="s">
        <v>67</v>
      </c>
      <c r="C20" s="36"/>
      <c r="D20" s="301"/>
      <c r="E20" s="396"/>
      <c r="F20" s="38"/>
    </row>
    <row r="21" spans="1:6" ht="27" customHeight="1">
      <c r="A21" s="35"/>
      <c r="B21" s="5" t="s">
        <v>67</v>
      </c>
      <c r="C21" s="36"/>
      <c r="D21" s="301"/>
      <c r="E21" s="396"/>
      <c r="F21" s="39"/>
    </row>
    <row r="22" spans="1:6" ht="18" customHeight="1">
      <c r="A22" s="40" t="s">
        <v>66</v>
      </c>
      <c r="B22" s="41" t="s">
        <v>67</v>
      </c>
      <c r="C22" s="42" t="s">
        <v>66</v>
      </c>
      <c r="D22" s="397" t="s">
        <v>72</v>
      </c>
      <c r="E22" s="397"/>
      <c r="F22" s="398"/>
    </row>
    <row r="23" spans="1:6" ht="27" customHeight="1">
      <c r="A23" s="33"/>
      <c r="B23" s="5" t="s">
        <v>67</v>
      </c>
      <c r="C23" s="34"/>
      <c r="D23" s="279"/>
      <c r="E23" s="279"/>
      <c r="F23" s="280"/>
    </row>
    <row r="24" spans="1:6" ht="27" customHeight="1">
      <c r="A24" s="35"/>
      <c r="B24" s="5" t="s">
        <v>67</v>
      </c>
      <c r="C24" s="36"/>
      <c r="D24" s="279"/>
      <c r="E24" s="279"/>
      <c r="F24" s="280"/>
    </row>
    <row r="25" spans="1:6" ht="27" customHeight="1">
      <c r="A25" s="35"/>
      <c r="B25" s="5" t="s">
        <v>67</v>
      </c>
      <c r="C25" s="36"/>
      <c r="D25" s="279"/>
      <c r="E25" s="279"/>
      <c r="F25" s="280"/>
    </row>
    <row r="26" spans="1:6" ht="14.25">
      <c r="A26" s="43" t="s">
        <v>66</v>
      </c>
      <c r="B26" s="393" t="s">
        <v>73</v>
      </c>
      <c r="C26" s="394"/>
      <c r="D26" s="394"/>
      <c r="E26" s="394"/>
      <c r="F26" s="395"/>
    </row>
    <row r="27" spans="1:6" ht="27" customHeight="1">
      <c r="A27" s="44"/>
      <c r="B27" s="399"/>
      <c r="C27" s="400"/>
      <c r="D27" s="400"/>
      <c r="E27" s="400"/>
      <c r="F27" s="401"/>
    </row>
    <row r="28" spans="1:6" ht="27" customHeight="1">
      <c r="A28" s="44"/>
      <c r="B28" s="399"/>
      <c r="C28" s="400"/>
      <c r="D28" s="400"/>
      <c r="E28" s="400"/>
      <c r="F28" s="401"/>
    </row>
    <row r="29" spans="1:6" ht="27" customHeight="1">
      <c r="A29" s="44"/>
      <c r="B29" s="399"/>
      <c r="C29" s="400"/>
      <c r="D29" s="400"/>
      <c r="E29" s="400"/>
      <c r="F29" s="401"/>
    </row>
    <row r="30" spans="1:6" ht="14.25">
      <c r="A30" s="43" t="s">
        <v>66</v>
      </c>
      <c r="B30" s="393" t="s">
        <v>74</v>
      </c>
      <c r="C30" s="394"/>
      <c r="D30" s="394"/>
      <c r="E30" s="394"/>
      <c r="F30" s="395"/>
    </row>
    <row r="31" spans="1:6" ht="27" customHeight="1">
      <c r="A31" s="44"/>
      <c r="B31" s="399"/>
      <c r="C31" s="400"/>
      <c r="D31" s="400"/>
      <c r="E31" s="400"/>
      <c r="F31" s="401"/>
    </row>
    <row r="32" spans="1:6" ht="27" customHeight="1">
      <c r="A32" s="44"/>
      <c r="B32" s="399"/>
      <c r="C32" s="400"/>
      <c r="D32" s="400"/>
      <c r="E32" s="400"/>
      <c r="F32" s="401"/>
    </row>
    <row r="33" spans="1:6" ht="27" customHeight="1">
      <c r="A33" s="44"/>
      <c r="B33" s="399"/>
      <c r="C33" s="400"/>
      <c r="D33" s="400"/>
      <c r="E33" s="400"/>
      <c r="F33" s="401"/>
    </row>
    <row r="34" spans="1:6" ht="42" customHeight="1" thickBot="1">
      <c r="A34" s="45" t="s">
        <v>51</v>
      </c>
      <c r="B34" s="402"/>
      <c r="C34" s="403"/>
      <c r="D34" s="403"/>
      <c r="E34" s="403"/>
      <c r="F34" s="404"/>
    </row>
  </sheetData>
  <mergeCells count="41">
    <mergeCell ref="B33:F33"/>
    <mergeCell ref="B34:F34"/>
    <mergeCell ref="B27:F27"/>
    <mergeCell ref="B28:F28"/>
    <mergeCell ref="B29:F29"/>
    <mergeCell ref="B30:F30"/>
    <mergeCell ref="B31:F31"/>
    <mergeCell ref="B32:F32"/>
    <mergeCell ref="B26:F26"/>
    <mergeCell ref="D15:E15"/>
    <mergeCell ref="D16:E16"/>
    <mergeCell ref="D17:E17"/>
    <mergeCell ref="D18:E18"/>
    <mergeCell ref="D19:E19"/>
    <mergeCell ref="D20:E20"/>
    <mergeCell ref="D21:E21"/>
    <mergeCell ref="D22:F22"/>
    <mergeCell ref="D23:F23"/>
    <mergeCell ref="D24:F24"/>
    <mergeCell ref="D25:F25"/>
    <mergeCell ref="D12:F12"/>
    <mergeCell ref="A13:A14"/>
    <mergeCell ref="B13:B14"/>
    <mergeCell ref="C13:C14"/>
    <mergeCell ref="D13:F13"/>
    <mergeCell ref="D14:E14"/>
    <mergeCell ref="D11:F11"/>
    <mergeCell ref="A2:F2"/>
    <mergeCell ref="A4:B4"/>
    <mergeCell ref="C4:F4"/>
    <mergeCell ref="A5:B5"/>
    <mergeCell ref="C5:D5"/>
    <mergeCell ref="E5:E6"/>
    <mergeCell ref="F5:F6"/>
    <mergeCell ref="A6:B6"/>
    <mergeCell ref="C6:D6"/>
    <mergeCell ref="A7:B8"/>
    <mergeCell ref="C7:D8"/>
    <mergeCell ref="E7:E8"/>
    <mergeCell ref="F7:F8"/>
    <mergeCell ref="D10:F10"/>
  </mergeCells>
  <phoneticPr fontId="3"/>
  <pageMargins left="0.70866141732283472" right="0.59055118110236227" top="0.47244094488188981" bottom="0.47244094488188981" header="0.31496062992125984" footer="0.31496062992125984"/>
  <pageSetup paperSize="9" orientation="portrait" horizontalDpi="300" verticalDpi="30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30"/>
  <sheetViews>
    <sheetView topLeftCell="A16" zoomScaleNormal="100" workbookViewId="0">
      <selection activeCell="C7" sqref="C7"/>
    </sheetView>
  </sheetViews>
  <sheetFormatPr defaultRowHeight="13.5"/>
  <cols>
    <col min="1" max="1" width="10.625" customWidth="1"/>
    <col min="2" max="2" width="16.375" customWidth="1"/>
    <col min="3" max="3" width="13" customWidth="1"/>
    <col min="4" max="4" width="17.125" customWidth="1"/>
    <col min="5" max="5" width="17.375" customWidth="1"/>
    <col min="6" max="6" width="19.125" customWidth="1"/>
    <col min="7" max="7" width="10" customWidth="1"/>
    <col min="8" max="8" width="13.875" customWidth="1"/>
  </cols>
  <sheetData>
    <row r="1" spans="1:7" ht="30" customHeight="1">
      <c r="A1" s="1" t="s">
        <v>75</v>
      </c>
    </row>
    <row r="2" spans="1:7" ht="30" customHeight="1">
      <c r="A2" s="281" t="s">
        <v>76</v>
      </c>
      <c r="B2" s="281"/>
      <c r="C2" s="281"/>
      <c r="D2" s="281"/>
      <c r="E2" s="281"/>
      <c r="F2" s="281"/>
      <c r="G2" s="281"/>
    </row>
    <row r="3" spans="1:7" ht="30" customHeight="1">
      <c r="F3" s="405" t="s">
        <v>385</v>
      </c>
      <c r="G3" s="405"/>
    </row>
    <row r="4" spans="1:7" ht="18" customHeight="1" thickBot="1"/>
    <row r="5" spans="1:7" s="49" customFormat="1" ht="30" customHeight="1">
      <c r="A5" s="46" t="s">
        <v>77</v>
      </c>
      <c r="B5" s="47" t="s" ph="1">
        <v>78</v>
      </c>
      <c r="C5" s="47" t="s">
        <v>20</v>
      </c>
      <c r="D5" s="47" t="s">
        <v>38</v>
      </c>
      <c r="E5" s="47" t="s">
        <v>486</v>
      </c>
      <c r="F5" s="47" t="s">
        <v>487</v>
      </c>
      <c r="G5" s="48" t="s">
        <v>51</v>
      </c>
    </row>
    <row r="6" spans="1:7" s="7" customFormat="1" ht="30" customHeight="1">
      <c r="A6" s="50" t="s">
        <v>80</v>
      </c>
      <c r="B6" s="51"/>
      <c r="C6" s="51"/>
      <c r="D6" s="51"/>
      <c r="E6" s="51"/>
      <c r="F6" s="51"/>
      <c r="G6" s="38"/>
    </row>
    <row r="7" spans="1:7" s="7" customFormat="1" ht="30" customHeight="1">
      <c r="A7" s="52"/>
      <c r="B7" s="51"/>
      <c r="C7" s="51"/>
      <c r="D7" s="51"/>
      <c r="E7" s="51"/>
      <c r="F7" s="51"/>
      <c r="G7" s="38"/>
    </row>
    <row r="8" spans="1:7" s="7" customFormat="1" ht="30" customHeight="1">
      <c r="A8" s="52"/>
      <c r="B8" s="51"/>
      <c r="C8" s="51"/>
      <c r="D8" s="51"/>
      <c r="E8" s="51"/>
      <c r="F8" s="51"/>
      <c r="G8" s="38"/>
    </row>
    <row r="9" spans="1:7" s="7" customFormat="1" ht="30" customHeight="1">
      <c r="A9" s="52"/>
      <c r="B9" s="51"/>
      <c r="C9" s="51"/>
      <c r="D9" s="51"/>
      <c r="E9" s="51"/>
      <c r="F9" s="51"/>
      <c r="G9" s="38"/>
    </row>
    <row r="10" spans="1:7" s="7" customFormat="1" ht="30" customHeight="1">
      <c r="A10" s="52"/>
      <c r="B10" s="51"/>
      <c r="C10" s="51"/>
      <c r="D10" s="51"/>
      <c r="E10" s="51"/>
      <c r="F10" s="51"/>
      <c r="G10" s="38"/>
    </row>
    <row r="11" spans="1:7" s="7" customFormat="1" ht="30" customHeight="1">
      <c r="A11" s="52"/>
      <c r="B11" s="51"/>
      <c r="C11" s="51"/>
      <c r="D11" s="51"/>
      <c r="E11" s="51"/>
      <c r="F11" s="51"/>
      <c r="G11" s="38"/>
    </row>
    <row r="12" spans="1:7" s="7" customFormat="1" ht="30" customHeight="1">
      <c r="A12" s="52"/>
      <c r="B12" s="51"/>
      <c r="C12" s="51"/>
      <c r="D12" s="51"/>
      <c r="E12" s="51"/>
      <c r="F12" s="51"/>
      <c r="G12" s="38"/>
    </row>
    <row r="13" spans="1:7" s="7" customFormat="1" ht="30" customHeight="1">
      <c r="A13" s="52"/>
      <c r="B13" s="51"/>
      <c r="C13" s="51"/>
      <c r="D13" s="51"/>
      <c r="E13" s="51"/>
      <c r="F13" s="51"/>
      <c r="G13" s="38"/>
    </row>
    <row r="14" spans="1:7" s="7" customFormat="1" ht="30" customHeight="1">
      <c r="A14" s="52"/>
      <c r="B14" s="51"/>
      <c r="C14" s="51"/>
      <c r="D14" s="51"/>
      <c r="E14" s="51"/>
      <c r="F14" s="51"/>
      <c r="G14" s="38"/>
    </row>
    <row r="15" spans="1:7" s="7" customFormat="1" ht="30" customHeight="1" thickBot="1">
      <c r="A15" s="53"/>
      <c r="B15" s="54"/>
      <c r="C15" s="54"/>
      <c r="D15" s="54"/>
      <c r="E15" s="54"/>
      <c r="F15" s="54"/>
      <c r="G15" s="55"/>
    </row>
    <row r="16" spans="1:7" s="7" customFormat="1" ht="30" customHeight="1"/>
    <row r="17" ht="30" customHeight="1"/>
    <row r="18" ht="30" customHeight="1"/>
    <row r="19" ht="30" customHeight="1"/>
    <row r="20" ht="30" customHeight="1"/>
    <row r="21" ht="30" customHeight="1"/>
    <row r="22" ht="30" customHeight="1"/>
    <row r="23" ht="30" customHeight="1"/>
    <row r="24" ht="30" customHeight="1"/>
    <row r="25" ht="24.95" customHeight="1"/>
    <row r="26" ht="24.95" customHeight="1"/>
    <row r="27" ht="24.95" customHeight="1"/>
    <row r="28" ht="24.95" customHeight="1"/>
    <row r="29" ht="24.95" customHeight="1"/>
    <row r="30" ht="24.95" customHeight="1"/>
  </sheetData>
  <mergeCells count="2">
    <mergeCell ref="A2:G2"/>
    <mergeCell ref="F3:G3"/>
  </mergeCells>
  <phoneticPr fontId="3"/>
  <pageMargins left="0.55118110236220474" right="0.55118110236220474" top="0.74803149606299213" bottom="0.74803149606299213" header="0.31496062992125984" footer="0.31496062992125984"/>
  <pageSetup paperSize="9" scale="87"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34"/>
  <sheetViews>
    <sheetView topLeftCell="A28" workbookViewId="0">
      <selection activeCell="A2" sqref="A2:F2"/>
    </sheetView>
  </sheetViews>
  <sheetFormatPr defaultRowHeight="13.5"/>
  <cols>
    <col min="1" max="1" width="9.75" style="7" customWidth="1"/>
    <col min="2" max="2" width="6.625" style="7" customWidth="1"/>
    <col min="3" max="3" width="8.875" style="7" customWidth="1"/>
    <col min="4" max="4" width="28.625" style="7" customWidth="1"/>
    <col min="5" max="5" width="10.875" style="7" customWidth="1"/>
    <col min="6" max="6" width="25.125" style="7" customWidth="1"/>
    <col min="7" max="256" width="9" style="7"/>
    <col min="257" max="257" width="9.75" style="7" customWidth="1"/>
    <col min="258" max="258" width="6.625" style="7" customWidth="1"/>
    <col min="259" max="259" width="8.875" style="7" customWidth="1"/>
    <col min="260" max="260" width="28.625" style="7" customWidth="1"/>
    <col min="261" max="261" width="10.875" style="7" customWidth="1"/>
    <col min="262" max="262" width="25.125" style="7" customWidth="1"/>
    <col min="263" max="512" width="9" style="7"/>
    <col min="513" max="513" width="9.75" style="7" customWidth="1"/>
    <col min="514" max="514" width="6.625" style="7" customWidth="1"/>
    <col min="515" max="515" width="8.875" style="7" customWidth="1"/>
    <col min="516" max="516" width="28.625" style="7" customWidth="1"/>
    <col min="517" max="517" width="10.875" style="7" customWidth="1"/>
    <col min="518" max="518" width="25.125" style="7" customWidth="1"/>
    <col min="519" max="768" width="9" style="7"/>
    <col min="769" max="769" width="9.75" style="7" customWidth="1"/>
    <col min="770" max="770" width="6.625" style="7" customWidth="1"/>
    <col min="771" max="771" width="8.875" style="7" customWidth="1"/>
    <col min="772" max="772" width="28.625" style="7" customWidth="1"/>
    <col min="773" max="773" width="10.875" style="7" customWidth="1"/>
    <col min="774" max="774" width="25.125" style="7" customWidth="1"/>
    <col min="775" max="1024" width="9" style="7"/>
    <col min="1025" max="1025" width="9.75" style="7" customWidth="1"/>
    <col min="1026" max="1026" width="6.625" style="7" customWidth="1"/>
    <col min="1027" max="1027" width="8.875" style="7" customWidth="1"/>
    <col min="1028" max="1028" width="28.625" style="7" customWidth="1"/>
    <col min="1029" max="1029" width="10.875" style="7" customWidth="1"/>
    <col min="1030" max="1030" width="25.125" style="7" customWidth="1"/>
    <col min="1031" max="1280" width="9" style="7"/>
    <col min="1281" max="1281" width="9.75" style="7" customWidth="1"/>
    <col min="1282" max="1282" width="6.625" style="7" customWidth="1"/>
    <col min="1283" max="1283" width="8.875" style="7" customWidth="1"/>
    <col min="1284" max="1284" width="28.625" style="7" customWidth="1"/>
    <col min="1285" max="1285" width="10.875" style="7" customWidth="1"/>
    <col min="1286" max="1286" width="25.125" style="7" customWidth="1"/>
    <col min="1287" max="1536" width="9" style="7"/>
    <col min="1537" max="1537" width="9.75" style="7" customWidth="1"/>
    <col min="1538" max="1538" width="6.625" style="7" customWidth="1"/>
    <col min="1539" max="1539" width="8.875" style="7" customWidth="1"/>
    <col min="1540" max="1540" width="28.625" style="7" customWidth="1"/>
    <col min="1541" max="1541" width="10.875" style="7" customWidth="1"/>
    <col min="1542" max="1542" width="25.125" style="7" customWidth="1"/>
    <col min="1543" max="1792" width="9" style="7"/>
    <col min="1793" max="1793" width="9.75" style="7" customWidth="1"/>
    <col min="1794" max="1794" width="6.625" style="7" customWidth="1"/>
    <col min="1795" max="1795" width="8.875" style="7" customWidth="1"/>
    <col min="1796" max="1796" width="28.625" style="7" customWidth="1"/>
    <col min="1797" max="1797" width="10.875" style="7" customWidth="1"/>
    <col min="1798" max="1798" width="25.125" style="7" customWidth="1"/>
    <col min="1799" max="2048" width="9" style="7"/>
    <col min="2049" max="2049" width="9.75" style="7" customWidth="1"/>
    <col min="2050" max="2050" width="6.625" style="7" customWidth="1"/>
    <col min="2051" max="2051" width="8.875" style="7" customWidth="1"/>
    <col min="2052" max="2052" width="28.625" style="7" customWidth="1"/>
    <col min="2053" max="2053" width="10.875" style="7" customWidth="1"/>
    <col min="2054" max="2054" width="25.125" style="7" customWidth="1"/>
    <col min="2055" max="2304" width="9" style="7"/>
    <col min="2305" max="2305" width="9.75" style="7" customWidth="1"/>
    <col min="2306" max="2306" width="6.625" style="7" customWidth="1"/>
    <col min="2307" max="2307" width="8.875" style="7" customWidth="1"/>
    <col min="2308" max="2308" width="28.625" style="7" customWidth="1"/>
    <col min="2309" max="2309" width="10.875" style="7" customWidth="1"/>
    <col min="2310" max="2310" width="25.125" style="7" customWidth="1"/>
    <col min="2311" max="2560" width="9" style="7"/>
    <col min="2561" max="2561" width="9.75" style="7" customWidth="1"/>
    <col min="2562" max="2562" width="6.625" style="7" customWidth="1"/>
    <col min="2563" max="2563" width="8.875" style="7" customWidth="1"/>
    <col min="2564" max="2564" width="28.625" style="7" customWidth="1"/>
    <col min="2565" max="2565" width="10.875" style="7" customWidth="1"/>
    <col min="2566" max="2566" width="25.125" style="7" customWidth="1"/>
    <col min="2567" max="2816" width="9" style="7"/>
    <col min="2817" max="2817" width="9.75" style="7" customWidth="1"/>
    <col min="2818" max="2818" width="6.625" style="7" customWidth="1"/>
    <col min="2819" max="2819" width="8.875" style="7" customWidth="1"/>
    <col min="2820" max="2820" width="28.625" style="7" customWidth="1"/>
    <col min="2821" max="2821" width="10.875" style="7" customWidth="1"/>
    <col min="2822" max="2822" width="25.125" style="7" customWidth="1"/>
    <col min="2823" max="3072" width="9" style="7"/>
    <col min="3073" max="3073" width="9.75" style="7" customWidth="1"/>
    <col min="3074" max="3074" width="6.625" style="7" customWidth="1"/>
    <col min="3075" max="3075" width="8.875" style="7" customWidth="1"/>
    <col min="3076" max="3076" width="28.625" style="7" customWidth="1"/>
    <col min="3077" max="3077" width="10.875" style="7" customWidth="1"/>
    <col min="3078" max="3078" width="25.125" style="7" customWidth="1"/>
    <col min="3079" max="3328" width="9" style="7"/>
    <col min="3329" max="3329" width="9.75" style="7" customWidth="1"/>
    <col min="3330" max="3330" width="6.625" style="7" customWidth="1"/>
    <col min="3331" max="3331" width="8.875" style="7" customWidth="1"/>
    <col min="3332" max="3332" width="28.625" style="7" customWidth="1"/>
    <col min="3333" max="3333" width="10.875" style="7" customWidth="1"/>
    <col min="3334" max="3334" width="25.125" style="7" customWidth="1"/>
    <col min="3335" max="3584" width="9" style="7"/>
    <col min="3585" max="3585" width="9.75" style="7" customWidth="1"/>
    <col min="3586" max="3586" width="6.625" style="7" customWidth="1"/>
    <col min="3587" max="3587" width="8.875" style="7" customWidth="1"/>
    <col min="3588" max="3588" width="28.625" style="7" customWidth="1"/>
    <col min="3589" max="3589" width="10.875" style="7" customWidth="1"/>
    <col min="3590" max="3590" width="25.125" style="7" customWidth="1"/>
    <col min="3591" max="3840" width="9" style="7"/>
    <col min="3841" max="3841" width="9.75" style="7" customWidth="1"/>
    <col min="3842" max="3842" width="6.625" style="7" customWidth="1"/>
    <col min="3843" max="3843" width="8.875" style="7" customWidth="1"/>
    <col min="3844" max="3844" width="28.625" style="7" customWidth="1"/>
    <col min="3845" max="3845" width="10.875" style="7" customWidth="1"/>
    <col min="3846" max="3846" width="25.125" style="7" customWidth="1"/>
    <col min="3847" max="4096" width="9" style="7"/>
    <col min="4097" max="4097" width="9.75" style="7" customWidth="1"/>
    <col min="4098" max="4098" width="6.625" style="7" customWidth="1"/>
    <col min="4099" max="4099" width="8.875" style="7" customWidth="1"/>
    <col min="4100" max="4100" width="28.625" style="7" customWidth="1"/>
    <col min="4101" max="4101" width="10.875" style="7" customWidth="1"/>
    <col min="4102" max="4102" width="25.125" style="7" customWidth="1"/>
    <col min="4103" max="4352" width="9" style="7"/>
    <col min="4353" max="4353" width="9.75" style="7" customWidth="1"/>
    <col min="4354" max="4354" width="6.625" style="7" customWidth="1"/>
    <col min="4355" max="4355" width="8.875" style="7" customWidth="1"/>
    <col min="4356" max="4356" width="28.625" style="7" customWidth="1"/>
    <col min="4357" max="4357" width="10.875" style="7" customWidth="1"/>
    <col min="4358" max="4358" width="25.125" style="7" customWidth="1"/>
    <col min="4359" max="4608" width="9" style="7"/>
    <col min="4609" max="4609" width="9.75" style="7" customWidth="1"/>
    <col min="4610" max="4610" width="6.625" style="7" customWidth="1"/>
    <col min="4611" max="4611" width="8.875" style="7" customWidth="1"/>
    <col min="4612" max="4612" width="28.625" style="7" customWidth="1"/>
    <col min="4613" max="4613" width="10.875" style="7" customWidth="1"/>
    <col min="4614" max="4614" width="25.125" style="7" customWidth="1"/>
    <col min="4615" max="4864" width="9" style="7"/>
    <col min="4865" max="4865" width="9.75" style="7" customWidth="1"/>
    <col min="4866" max="4866" width="6.625" style="7" customWidth="1"/>
    <col min="4867" max="4867" width="8.875" style="7" customWidth="1"/>
    <col min="4868" max="4868" width="28.625" style="7" customWidth="1"/>
    <col min="4869" max="4869" width="10.875" style="7" customWidth="1"/>
    <col min="4870" max="4870" width="25.125" style="7" customWidth="1"/>
    <col min="4871" max="5120" width="9" style="7"/>
    <col min="5121" max="5121" width="9.75" style="7" customWidth="1"/>
    <col min="5122" max="5122" width="6.625" style="7" customWidth="1"/>
    <col min="5123" max="5123" width="8.875" style="7" customWidth="1"/>
    <col min="5124" max="5124" width="28.625" style="7" customWidth="1"/>
    <col min="5125" max="5125" width="10.875" style="7" customWidth="1"/>
    <col min="5126" max="5126" width="25.125" style="7" customWidth="1"/>
    <col min="5127" max="5376" width="9" style="7"/>
    <col min="5377" max="5377" width="9.75" style="7" customWidth="1"/>
    <col min="5378" max="5378" width="6.625" style="7" customWidth="1"/>
    <col min="5379" max="5379" width="8.875" style="7" customWidth="1"/>
    <col min="5380" max="5380" width="28.625" style="7" customWidth="1"/>
    <col min="5381" max="5381" width="10.875" style="7" customWidth="1"/>
    <col min="5382" max="5382" width="25.125" style="7" customWidth="1"/>
    <col min="5383" max="5632" width="9" style="7"/>
    <col min="5633" max="5633" width="9.75" style="7" customWidth="1"/>
    <col min="5634" max="5634" width="6.625" style="7" customWidth="1"/>
    <col min="5635" max="5635" width="8.875" style="7" customWidth="1"/>
    <col min="5636" max="5636" width="28.625" style="7" customWidth="1"/>
    <col min="5637" max="5637" width="10.875" style="7" customWidth="1"/>
    <col min="5638" max="5638" width="25.125" style="7" customWidth="1"/>
    <col min="5639" max="5888" width="9" style="7"/>
    <col min="5889" max="5889" width="9.75" style="7" customWidth="1"/>
    <col min="5890" max="5890" width="6.625" style="7" customWidth="1"/>
    <col min="5891" max="5891" width="8.875" style="7" customWidth="1"/>
    <col min="5892" max="5892" width="28.625" style="7" customWidth="1"/>
    <col min="5893" max="5893" width="10.875" style="7" customWidth="1"/>
    <col min="5894" max="5894" width="25.125" style="7" customWidth="1"/>
    <col min="5895" max="6144" width="9" style="7"/>
    <col min="6145" max="6145" width="9.75" style="7" customWidth="1"/>
    <col min="6146" max="6146" width="6.625" style="7" customWidth="1"/>
    <col min="6147" max="6147" width="8.875" style="7" customWidth="1"/>
    <col min="6148" max="6148" width="28.625" style="7" customWidth="1"/>
    <col min="6149" max="6149" width="10.875" style="7" customWidth="1"/>
    <col min="6150" max="6150" width="25.125" style="7" customWidth="1"/>
    <col min="6151" max="6400" width="9" style="7"/>
    <col min="6401" max="6401" width="9.75" style="7" customWidth="1"/>
    <col min="6402" max="6402" width="6.625" style="7" customWidth="1"/>
    <col min="6403" max="6403" width="8.875" style="7" customWidth="1"/>
    <col min="6404" max="6404" width="28.625" style="7" customWidth="1"/>
    <col min="6405" max="6405" width="10.875" style="7" customWidth="1"/>
    <col min="6406" max="6406" width="25.125" style="7" customWidth="1"/>
    <col min="6407" max="6656" width="9" style="7"/>
    <col min="6657" max="6657" width="9.75" style="7" customWidth="1"/>
    <col min="6658" max="6658" width="6.625" style="7" customWidth="1"/>
    <col min="6659" max="6659" width="8.875" style="7" customWidth="1"/>
    <col min="6660" max="6660" width="28.625" style="7" customWidth="1"/>
    <col min="6661" max="6661" width="10.875" style="7" customWidth="1"/>
    <col min="6662" max="6662" width="25.125" style="7" customWidth="1"/>
    <col min="6663" max="6912" width="9" style="7"/>
    <col min="6913" max="6913" width="9.75" style="7" customWidth="1"/>
    <col min="6914" max="6914" width="6.625" style="7" customWidth="1"/>
    <col min="6915" max="6915" width="8.875" style="7" customWidth="1"/>
    <col min="6916" max="6916" width="28.625" style="7" customWidth="1"/>
    <col min="6917" max="6917" width="10.875" style="7" customWidth="1"/>
    <col min="6918" max="6918" width="25.125" style="7" customWidth="1"/>
    <col min="6919" max="7168" width="9" style="7"/>
    <col min="7169" max="7169" width="9.75" style="7" customWidth="1"/>
    <col min="7170" max="7170" width="6.625" style="7" customWidth="1"/>
    <col min="7171" max="7171" width="8.875" style="7" customWidth="1"/>
    <col min="7172" max="7172" width="28.625" style="7" customWidth="1"/>
    <col min="7173" max="7173" width="10.875" style="7" customWidth="1"/>
    <col min="7174" max="7174" width="25.125" style="7" customWidth="1"/>
    <col min="7175" max="7424" width="9" style="7"/>
    <col min="7425" max="7425" width="9.75" style="7" customWidth="1"/>
    <col min="7426" max="7426" width="6.625" style="7" customWidth="1"/>
    <col min="7427" max="7427" width="8.875" style="7" customWidth="1"/>
    <col min="7428" max="7428" width="28.625" style="7" customWidth="1"/>
    <col min="7429" max="7429" width="10.875" style="7" customWidth="1"/>
    <col min="7430" max="7430" width="25.125" style="7" customWidth="1"/>
    <col min="7431" max="7680" width="9" style="7"/>
    <col min="7681" max="7681" width="9.75" style="7" customWidth="1"/>
    <col min="7682" max="7682" width="6.625" style="7" customWidth="1"/>
    <col min="7683" max="7683" width="8.875" style="7" customWidth="1"/>
    <col min="7684" max="7684" width="28.625" style="7" customWidth="1"/>
    <col min="7685" max="7685" width="10.875" style="7" customWidth="1"/>
    <col min="7686" max="7686" width="25.125" style="7" customWidth="1"/>
    <col min="7687" max="7936" width="9" style="7"/>
    <col min="7937" max="7937" width="9.75" style="7" customWidth="1"/>
    <col min="7938" max="7938" width="6.625" style="7" customWidth="1"/>
    <col min="7939" max="7939" width="8.875" style="7" customWidth="1"/>
    <col min="7940" max="7940" width="28.625" style="7" customWidth="1"/>
    <col min="7941" max="7941" width="10.875" style="7" customWidth="1"/>
    <col min="7942" max="7942" width="25.125" style="7" customWidth="1"/>
    <col min="7943" max="8192" width="9" style="7"/>
    <col min="8193" max="8193" width="9.75" style="7" customWidth="1"/>
    <col min="8194" max="8194" width="6.625" style="7" customWidth="1"/>
    <col min="8195" max="8195" width="8.875" style="7" customWidth="1"/>
    <col min="8196" max="8196" width="28.625" style="7" customWidth="1"/>
    <col min="8197" max="8197" width="10.875" style="7" customWidth="1"/>
    <col min="8198" max="8198" width="25.125" style="7" customWidth="1"/>
    <col min="8199" max="8448" width="9" style="7"/>
    <col min="8449" max="8449" width="9.75" style="7" customWidth="1"/>
    <col min="8450" max="8450" width="6.625" style="7" customWidth="1"/>
    <col min="8451" max="8451" width="8.875" style="7" customWidth="1"/>
    <col min="8452" max="8452" width="28.625" style="7" customWidth="1"/>
    <col min="8453" max="8453" width="10.875" style="7" customWidth="1"/>
    <col min="8454" max="8454" width="25.125" style="7" customWidth="1"/>
    <col min="8455" max="8704" width="9" style="7"/>
    <col min="8705" max="8705" width="9.75" style="7" customWidth="1"/>
    <col min="8706" max="8706" width="6.625" style="7" customWidth="1"/>
    <col min="8707" max="8707" width="8.875" style="7" customWidth="1"/>
    <col min="8708" max="8708" width="28.625" style="7" customWidth="1"/>
    <col min="8709" max="8709" width="10.875" style="7" customWidth="1"/>
    <col min="8710" max="8710" width="25.125" style="7" customWidth="1"/>
    <col min="8711" max="8960" width="9" style="7"/>
    <col min="8961" max="8961" width="9.75" style="7" customWidth="1"/>
    <col min="8962" max="8962" width="6.625" style="7" customWidth="1"/>
    <col min="8963" max="8963" width="8.875" style="7" customWidth="1"/>
    <col min="8964" max="8964" width="28.625" style="7" customWidth="1"/>
    <col min="8965" max="8965" width="10.875" style="7" customWidth="1"/>
    <col min="8966" max="8966" width="25.125" style="7" customWidth="1"/>
    <col min="8967" max="9216" width="9" style="7"/>
    <col min="9217" max="9217" width="9.75" style="7" customWidth="1"/>
    <col min="9218" max="9218" width="6.625" style="7" customWidth="1"/>
    <col min="9219" max="9219" width="8.875" style="7" customWidth="1"/>
    <col min="9220" max="9220" width="28.625" style="7" customWidth="1"/>
    <col min="9221" max="9221" width="10.875" style="7" customWidth="1"/>
    <col min="9222" max="9222" width="25.125" style="7" customWidth="1"/>
    <col min="9223" max="9472" width="9" style="7"/>
    <col min="9473" max="9473" width="9.75" style="7" customWidth="1"/>
    <col min="9474" max="9474" width="6.625" style="7" customWidth="1"/>
    <col min="9475" max="9475" width="8.875" style="7" customWidth="1"/>
    <col min="9476" max="9476" width="28.625" style="7" customWidth="1"/>
    <col min="9477" max="9477" width="10.875" style="7" customWidth="1"/>
    <col min="9478" max="9478" width="25.125" style="7" customWidth="1"/>
    <col min="9479" max="9728" width="9" style="7"/>
    <col min="9729" max="9729" width="9.75" style="7" customWidth="1"/>
    <col min="9730" max="9730" width="6.625" style="7" customWidth="1"/>
    <col min="9731" max="9731" width="8.875" style="7" customWidth="1"/>
    <col min="9732" max="9732" width="28.625" style="7" customWidth="1"/>
    <col min="9733" max="9733" width="10.875" style="7" customWidth="1"/>
    <col min="9734" max="9734" width="25.125" style="7" customWidth="1"/>
    <col min="9735" max="9984" width="9" style="7"/>
    <col min="9985" max="9985" width="9.75" style="7" customWidth="1"/>
    <col min="9986" max="9986" width="6.625" style="7" customWidth="1"/>
    <col min="9987" max="9987" width="8.875" style="7" customWidth="1"/>
    <col min="9988" max="9988" width="28.625" style="7" customWidth="1"/>
    <col min="9989" max="9989" width="10.875" style="7" customWidth="1"/>
    <col min="9990" max="9990" width="25.125" style="7" customWidth="1"/>
    <col min="9991" max="10240" width="9" style="7"/>
    <col min="10241" max="10241" width="9.75" style="7" customWidth="1"/>
    <col min="10242" max="10242" width="6.625" style="7" customWidth="1"/>
    <col min="10243" max="10243" width="8.875" style="7" customWidth="1"/>
    <col min="10244" max="10244" width="28.625" style="7" customWidth="1"/>
    <col min="10245" max="10245" width="10.875" style="7" customWidth="1"/>
    <col min="10246" max="10246" width="25.125" style="7" customWidth="1"/>
    <col min="10247" max="10496" width="9" style="7"/>
    <col min="10497" max="10497" width="9.75" style="7" customWidth="1"/>
    <col min="10498" max="10498" width="6.625" style="7" customWidth="1"/>
    <col min="10499" max="10499" width="8.875" style="7" customWidth="1"/>
    <col min="10500" max="10500" width="28.625" style="7" customWidth="1"/>
    <col min="10501" max="10501" width="10.875" style="7" customWidth="1"/>
    <col min="10502" max="10502" width="25.125" style="7" customWidth="1"/>
    <col min="10503" max="10752" width="9" style="7"/>
    <col min="10753" max="10753" width="9.75" style="7" customWidth="1"/>
    <col min="10754" max="10754" width="6.625" style="7" customWidth="1"/>
    <col min="10755" max="10755" width="8.875" style="7" customWidth="1"/>
    <col min="10756" max="10756" width="28.625" style="7" customWidth="1"/>
    <col min="10757" max="10757" width="10.875" style="7" customWidth="1"/>
    <col min="10758" max="10758" width="25.125" style="7" customWidth="1"/>
    <col min="10759" max="11008" width="9" style="7"/>
    <col min="11009" max="11009" width="9.75" style="7" customWidth="1"/>
    <col min="11010" max="11010" width="6.625" style="7" customWidth="1"/>
    <col min="11011" max="11011" width="8.875" style="7" customWidth="1"/>
    <col min="11012" max="11012" width="28.625" style="7" customWidth="1"/>
    <col min="11013" max="11013" width="10.875" style="7" customWidth="1"/>
    <col min="11014" max="11014" width="25.125" style="7" customWidth="1"/>
    <col min="11015" max="11264" width="9" style="7"/>
    <col min="11265" max="11265" width="9.75" style="7" customWidth="1"/>
    <col min="11266" max="11266" width="6.625" style="7" customWidth="1"/>
    <col min="11267" max="11267" width="8.875" style="7" customWidth="1"/>
    <col min="11268" max="11268" width="28.625" style="7" customWidth="1"/>
    <col min="11269" max="11269" width="10.875" style="7" customWidth="1"/>
    <col min="11270" max="11270" width="25.125" style="7" customWidth="1"/>
    <col min="11271" max="11520" width="9" style="7"/>
    <col min="11521" max="11521" width="9.75" style="7" customWidth="1"/>
    <col min="11522" max="11522" width="6.625" style="7" customWidth="1"/>
    <col min="11523" max="11523" width="8.875" style="7" customWidth="1"/>
    <col min="11524" max="11524" width="28.625" style="7" customWidth="1"/>
    <col min="11525" max="11525" width="10.875" style="7" customWidth="1"/>
    <col min="11526" max="11526" width="25.125" style="7" customWidth="1"/>
    <col min="11527" max="11776" width="9" style="7"/>
    <col min="11777" max="11777" width="9.75" style="7" customWidth="1"/>
    <col min="11778" max="11778" width="6.625" style="7" customWidth="1"/>
    <col min="11779" max="11779" width="8.875" style="7" customWidth="1"/>
    <col min="11780" max="11780" width="28.625" style="7" customWidth="1"/>
    <col min="11781" max="11781" width="10.875" style="7" customWidth="1"/>
    <col min="11782" max="11782" width="25.125" style="7" customWidth="1"/>
    <col min="11783" max="12032" width="9" style="7"/>
    <col min="12033" max="12033" width="9.75" style="7" customWidth="1"/>
    <col min="12034" max="12034" width="6.625" style="7" customWidth="1"/>
    <col min="12035" max="12035" width="8.875" style="7" customWidth="1"/>
    <col min="12036" max="12036" width="28.625" style="7" customWidth="1"/>
    <col min="12037" max="12037" width="10.875" style="7" customWidth="1"/>
    <col min="12038" max="12038" width="25.125" style="7" customWidth="1"/>
    <col min="12039" max="12288" width="9" style="7"/>
    <col min="12289" max="12289" width="9.75" style="7" customWidth="1"/>
    <col min="12290" max="12290" width="6.625" style="7" customWidth="1"/>
    <col min="12291" max="12291" width="8.875" style="7" customWidth="1"/>
    <col min="12292" max="12292" width="28.625" style="7" customWidth="1"/>
    <col min="12293" max="12293" width="10.875" style="7" customWidth="1"/>
    <col min="12294" max="12294" width="25.125" style="7" customWidth="1"/>
    <col min="12295" max="12544" width="9" style="7"/>
    <col min="12545" max="12545" width="9.75" style="7" customWidth="1"/>
    <col min="12546" max="12546" width="6.625" style="7" customWidth="1"/>
    <col min="12547" max="12547" width="8.875" style="7" customWidth="1"/>
    <col min="12548" max="12548" width="28.625" style="7" customWidth="1"/>
    <col min="12549" max="12549" width="10.875" style="7" customWidth="1"/>
    <col min="12550" max="12550" width="25.125" style="7" customWidth="1"/>
    <col min="12551" max="12800" width="9" style="7"/>
    <col min="12801" max="12801" width="9.75" style="7" customWidth="1"/>
    <col min="12802" max="12802" width="6.625" style="7" customWidth="1"/>
    <col min="12803" max="12803" width="8.875" style="7" customWidth="1"/>
    <col min="12804" max="12804" width="28.625" style="7" customWidth="1"/>
    <col min="12805" max="12805" width="10.875" style="7" customWidth="1"/>
    <col min="12806" max="12806" width="25.125" style="7" customWidth="1"/>
    <col min="12807" max="13056" width="9" style="7"/>
    <col min="13057" max="13057" width="9.75" style="7" customWidth="1"/>
    <col min="13058" max="13058" width="6.625" style="7" customWidth="1"/>
    <col min="13059" max="13059" width="8.875" style="7" customWidth="1"/>
    <col min="13060" max="13060" width="28.625" style="7" customWidth="1"/>
    <col min="13061" max="13061" width="10.875" style="7" customWidth="1"/>
    <col min="13062" max="13062" width="25.125" style="7" customWidth="1"/>
    <col min="13063" max="13312" width="9" style="7"/>
    <col min="13313" max="13313" width="9.75" style="7" customWidth="1"/>
    <col min="13314" max="13314" width="6.625" style="7" customWidth="1"/>
    <col min="13315" max="13315" width="8.875" style="7" customWidth="1"/>
    <col min="13316" max="13316" width="28.625" style="7" customWidth="1"/>
    <col min="13317" max="13317" width="10.875" style="7" customWidth="1"/>
    <col min="13318" max="13318" width="25.125" style="7" customWidth="1"/>
    <col min="13319" max="13568" width="9" style="7"/>
    <col min="13569" max="13569" width="9.75" style="7" customWidth="1"/>
    <col min="13570" max="13570" width="6.625" style="7" customWidth="1"/>
    <col min="13571" max="13571" width="8.875" style="7" customWidth="1"/>
    <col min="13572" max="13572" width="28.625" style="7" customWidth="1"/>
    <col min="13573" max="13573" width="10.875" style="7" customWidth="1"/>
    <col min="13574" max="13574" width="25.125" style="7" customWidth="1"/>
    <col min="13575" max="13824" width="9" style="7"/>
    <col min="13825" max="13825" width="9.75" style="7" customWidth="1"/>
    <col min="13826" max="13826" width="6.625" style="7" customWidth="1"/>
    <col min="13827" max="13827" width="8.875" style="7" customWidth="1"/>
    <col min="13828" max="13828" width="28.625" style="7" customWidth="1"/>
    <col min="13829" max="13829" width="10.875" style="7" customWidth="1"/>
    <col min="13830" max="13830" width="25.125" style="7" customWidth="1"/>
    <col min="13831" max="14080" width="9" style="7"/>
    <col min="14081" max="14081" width="9.75" style="7" customWidth="1"/>
    <col min="14082" max="14082" width="6.625" style="7" customWidth="1"/>
    <col min="14083" max="14083" width="8.875" style="7" customWidth="1"/>
    <col min="14084" max="14084" width="28.625" style="7" customWidth="1"/>
    <col min="14085" max="14085" width="10.875" style="7" customWidth="1"/>
    <col min="14086" max="14086" width="25.125" style="7" customWidth="1"/>
    <col min="14087" max="14336" width="9" style="7"/>
    <col min="14337" max="14337" width="9.75" style="7" customWidth="1"/>
    <col min="14338" max="14338" width="6.625" style="7" customWidth="1"/>
    <col min="14339" max="14339" width="8.875" style="7" customWidth="1"/>
    <col min="14340" max="14340" width="28.625" style="7" customWidth="1"/>
    <col min="14341" max="14341" width="10.875" style="7" customWidth="1"/>
    <col min="14342" max="14342" width="25.125" style="7" customWidth="1"/>
    <col min="14343" max="14592" width="9" style="7"/>
    <col min="14593" max="14593" width="9.75" style="7" customWidth="1"/>
    <col min="14594" max="14594" width="6.625" style="7" customWidth="1"/>
    <col min="14595" max="14595" width="8.875" style="7" customWidth="1"/>
    <col min="14596" max="14596" width="28.625" style="7" customWidth="1"/>
    <col min="14597" max="14597" width="10.875" style="7" customWidth="1"/>
    <col min="14598" max="14598" width="25.125" style="7" customWidth="1"/>
    <col min="14599" max="14848" width="9" style="7"/>
    <col min="14849" max="14849" width="9.75" style="7" customWidth="1"/>
    <col min="14850" max="14850" width="6.625" style="7" customWidth="1"/>
    <col min="14851" max="14851" width="8.875" style="7" customWidth="1"/>
    <col min="14852" max="14852" width="28.625" style="7" customWidth="1"/>
    <col min="14853" max="14853" width="10.875" style="7" customWidth="1"/>
    <col min="14854" max="14854" width="25.125" style="7" customWidth="1"/>
    <col min="14855" max="15104" width="9" style="7"/>
    <col min="15105" max="15105" width="9.75" style="7" customWidth="1"/>
    <col min="15106" max="15106" width="6.625" style="7" customWidth="1"/>
    <col min="15107" max="15107" width="8.875" style="7" customWidth="1"/>
    <col min="15108" max="15108" width="28.625" style="7" customWidth="1"/>
    <col min="15109" max="15109" width="10.875" style="7" customWidth="1"/>
    <col min="15110" max="15110" width="25.125" style="7" customWidth="1"/>
    <col min="15111" max="15360" width="9" style="7"/>
    <col min="15361" max="15361" width="9.75" style="7" customWidth="1"/>
    <col min="15362" max="15362" width="6.625" style="7" customWidth="1"/>
    <col min="15363" max="15363" width="8.875" style="7" customWidth="1"/>
    <col min="15364" max="15364" width="28.625" style="7" customWidth="1"/>
    <col min="15365" max="15365" width="10.875" style="7" customWidth="1"/>
    <col min="15366" max="15366" width="25.125" style="7" customWidth="1"/>
    <col min="15367" max="15616" width="9" style="7"/>
    <col min="15617" max="15617" width="9.75" style="7" customWidth="1"/>
    <col min="15618" max="15618" width="6.625" style="7" customWidth="1"/>
    <col min="15619" max="15619" width="8.875" style="7" customWidth="1"/>
    <col min="15620" max="15620" width="28.625" style="7" customWidth="1"/>
    <col min="15621" max="15621" width="10.875" style="7" customWidth="1"/>
    <col min="15622" max="15622" width="25.125" style="7" customWidth="1"/>
    <col min="15623" max="15872" width="9" style="7"/>
    <col min="15873" max="15873" width="9.75" style="7" customWidth="1"/>
    <col min="15874" max="15874" width="6.625" style="7" customWidth="1"/>
    <col min="15875" max="15875" width="8.875" style="7" customWidth="1"/>
    <col min="15876" max="15876" width="28.625" style="7" customWidth="1"/>
    <col min="15877" max="15877" width="10.875" style="7" customWidth="1"/>
    <col min="15878" max="15878" width="25.125" style="7" customWidth="1"/>
    <col min="15879" max="16128" width="9" style="7"/>
    <col min="16129" max="16129" width="9.75" style="7" customWidth="1"/>
    <col min="16130" max="16130" width="6.625" style="7" customWidth="1"/>
    <col min="16131" max="16131" width="8.875" style="7" customWidth="1"/>
    <col min="16132" max="16132" width="28.625" style="7" customWidth="1"/>
    <col min="16133" max="16133" width="10.875" style="7" customWidth="1"/>
    <col min="16134" max="16134" width="25.125" style="7" customWidth="1"/>
    <col min="16135" max="16384" width="9" style="7"/>
  </cols>
  <sheetData>
    <row r="1" spans="1:6">
      <c r="A1" s="7" t="s">
        <v>81</v>
      </c>
    </row>
    <row r="2" spans="1:6" ht="24" customHeight="1">
      <c r="A2" s="281" t="s">
        <v>83</v>
      </c>
      <c r="B2" s="281"/>
      <c r="C2" s="281"/>
      <c r="D2" s="281"/>
      <c r="E2" s="281"/>
      <c r="F2" s="281"/>
    </row>
    <row r="3" spans="1:6" ht="14.25" thickBot="1"/>
    <row r="4" spans="1:6" ht="30.75" customHeight="1">
      <c r="A4" s="356" t="s">
        <v>30</v>
      </c>
      <c r="B4" s="357"/>
      <c r="C4" s="358"/>
      <c r="D4" s="359"/>
      <c r="E4" s="359"/>
      <c r="F4" s="360"/>
    </row>
    <row r="5" spans="1:6">
      <c r="A5" s="361" t="s">
        <v>29</v>
      </c>
      <c r="B5" s="362"/>
      <c r="C5" s="363"/>
      <c r="D5" s="364"/>
      <c r="E5" s="365" t="s">
        <v>20</v>
      </c>
      <c r="F5" s="366" t="s">
        <v>84</v>
      </c>
    </row>
    <row r="6" spans="1:6" ht="29.25" customHeight="1">
      <c r="A6" s="368" t="s">
        <v>39</v>
      </c>
      <c r="B6" s="369"/>
      <c r="C6" s="370"/>
      <c r="D6" s="371"/>
      <c r="E6" s="365"/>
      <c r="F6" s="367"/>
    </row>
    <row r="7" spans="1:6" ht="20.25" customHeight="1">
      <c r="A7" s="372" t="s">
        <v>38</v>
      </c>
      <c r="B7" s="365"/>
      <c r="C7" s="375"/>
      <c r="D7" s="376"/>
      <c r="E7" s="362" t="s">
        <v>5</v>
      </c>
      <c r="F7" s="406"/>
    </row>
    <row r="8" spans="1:6" ht="20.25" customHeight="1" thickBot="1">
      <c r="A8" s="373"/>
      <c r="B8" s="374"/>
      <c r="C8" s="377"/>
      <c r="D8" s="378"/>
      <c r="E8" s="379"/>
      <c r="F8" s="407"/>
    </row>
    <row r="9" spans="1:6" ht="14.25" thickBot="1">
      <c r="C9" s="29"/>
    </row>
    <row r="10" spans="1:6" ht="18" customHeight="1">
      <c r="A10" s="30" t="s">
        <v>85</v>
      </c>
      <c r="B10" s="31" t="s">
        <v>86</v>
      </c>
      <c r="C10" s="32" t="s">
        <v>85</v>
      </c>
      <c r="D10" s="382" t="s">
        <v>87</v>
      </c>
      <c r="E10" s="382"/>
      <c r="F10" s="383"/>
    </row>
    <row r="11" spans="1:6" ht="27" customHeight="1">
      <c r="A11" s="33"/>
      <c r="B11" s="5" t="s">
        <v>86</v>
      </c>
      <c r="C11" s="34"/>
      <c r="D11" s="279"/>
      <c r="E11" s="279"/>
      <c r="F11" s="280"/>
    </row>
    <row r="12" spans="1:6" ht="27" customHeight="1">
      <c r="A12" s="35"/>
      <c r="B12" s="5" t="s">
        <v>86</v>
      </c>
      <c r="C12" s="36"/>
      <c r="D12" s="305"/>
      <c r="E12" s="305"/>
      <c r="F12" s="384"/>
    </row>
    <row r="13" spans="1:6" ht="18" customHeight="1">
      <c r="A13" s="385" t="s">
        <v>85</v>
      </c>
      <c r="B13" s="387" t="s">
        <v>86</v>
      </c>
      <c r="C13" s="387" t="s">
        <v>85</v>
      </c>
      <c r="D13" s="389" t="s">
        <v>88</v>
      </c>
      <c r="E13" s="389"/>
      <c r="F13" s="390"/>
    </row>
    <row r="14" spans="1:6" ht="18" customHeight="1">
      <c r="A14" s="386"/>
      <c r="B14" s="388"/>
      <c r="C14" s="388"/>
      <c r="D14" s="391" t="s">
        <v>70</v>
      </c>
      <c r="E14" s="392"/>
      <c r="F14" s="37" t="s">
        <v>71</v>
      </c>
    </row>
    <row r="15" spans="1:6" ht="27" customHeight="1">
      <c r="A15" s="33"/>
      <c r="B15" s="5" t="s">
        <v>86</v>
      </c>
      <c r="C15" s="34"/>
      <c r="D15" s="301"/>
      <c r="E15" s="396"/>
      <c r="F15" s="38"/>
    </row>
    <row r="16" spans="1:6" ht="27" customHeight="1">
      <c r="A16" s="35"/>
      <c r="B16" s="5" t="s">
        <v>86</v>
      </c>
      <c r="C16" s="36"/>
      <c r="D16" s="301"/>
      <c r="E16" s="396"/>
      <c r="F16" s="38"/>
    </row>
    <row r="17" spans="1:6" ht="27" customHeight="1">
      <c r="A17" s="35"/>
      <c r="B17" s="5"/>
      <c r="C17" s="36"/>
      <c r="D17" s="301"/>
      <c r="E17" s="396"/>
      <c r="F17" s="38"/>
    </row>
    <row r="18" spans="1:6" ht="27" customHeight="1">
      <c r="A18" s="35"/>
      <c r="B18" s="5" t="s">
        <v>86</v>
      </c>
      <c r="C18" s="36"/>
      <c r="D18" s="301"/>
      <c r="E18" s="396"/>
      <c r="F18" s="38"/>
    </row>
    <row r="19" spans="1:6" ht="27" customHeight="1">
      <c r="A19" s="35"/>
      <c r="B19" s="5" t="s">
        <v>86</v>
      </c>
      <c r="C19" s="36"/>
      <c r="D19" s="301"/>
      <c r="E19" s="396"/>
      <c r="F19" s="38"/>
    </row>
    <row r="20" spans="1:6" ht="27" customHeight="1">
      <c r="A20" s="35"/>
      <c r="B20" s="5" t="s">
        <v>86</v>
      </c>
      <c r="C20" s="36"/>
      <c r="D20" s="301"/>
      <c r="E20" s="396"/>
      <c r="F20" s="38"/>
    </row>
    <row r="21" spans="1:6" ht="27" customHeight="1">
      <c r="A21" s="35"/>
      <c r="B21" s="5" t="s">
        <v>86</v>
      </c>
      <c r="C21" s="36"/>
      <c r="D21" s="301"/>
      <c r="E21" s="396"/>
      <c r="F21" s="39"/>
    </row>
    <row r="22" spans="1:6" ht="18" customHeight="1">
      <c r="A22" s="40" t="s">
        <v>85</v>
      </c>
      <c r="B22" s="41" t="s">
        <v>86</v>
      </c>
      <c r="C22" s="42" t="s">
        <v>85</v>
      </c>
      <c r="D22" s="397" t="s">
        <v>89</v>
      </c>
      <c r="E22" s="397"/>
      <c r="F22" s="398"/>
    </row>
    <row r="23" spans="1:6" ht="27" customHeight="1">
      <c r="A23" s="33"/>
      <c r="B23" s="5" t="s">
        <v>86</v>
      </c>
      <c r="C23" s="34"/>
      <c r="D23" s="279"/>
      <c r="E23" s="279"/>
      <c r="F23" s="280"/>
    </row>
    <row r="24" spans="1:6" ht="27" customHeight="1">
      <c r="A24" s="35"/>
      <c r="B24" s="5" t="s">
        <v>86</v>
      </c>
      <c r="C24" s="36"/>
      <c r="D24" s="279"/>
      <c r="E24" s="279"/>
      <c r="F24" s="280"/>
    </row>
    <row r="25" spans="1:6" ht="27" customHeight="1">
      <c r="A25" s="35"/>
      <c r="B25" s="5" t="s">
        <v>86</v>
      </c>
      <c r="C25" s="36"/>
      <c r="D25" s="279"/>
      <c r="E25" s="279"/>
      <c r="F25" s="280"/>
    </row>
    <row r="26" spans="1:6" ht="14.25">
      <c r="A26" s="43" t="s">
        <v>85</v>
      </c>
      <c r="B26" s="393" t="s">
        <v>73</v>
      </c>
      <c r="C26" s="394"/>
      <c r="D26" s="394"/>
      <c r="E26" s="394"/>
      <c r="F26" s="395"/>
    </row>
    <row r="27" spans="1:6" ht="27" customHeight="1">
      <c r="A27" s="44"/>
      <c r="B27" s="399"/>
      <c r="C27" s="400"/>
      <c r="D27" s="400"/>
      <c r="E27" s="400"/>
      <c r="F27" s="401"/>
    </row>
    <row r="28" spans="1:6" ht="27" customHeight="1">
      <c r="A28" s="44"/>
      <c r="B28" s="399"/>
      <c r="C28" s="400"/>
      <c r="D28" s="400"/>
      <c r="E28" s="400"/>
      <c r="F28" s="401"/>
    </row>
    <row r="29" spans="1:6" ht="27" customHeight="1">
      <c r="A29" s="44"/>
      <c r="B29" s="399"/>
      <c r="C29" s="400"/>
      <c r="D29" s="400"/>
      <c r="E29" s="400"/>
      <c r="F29" s="401"/>
    </row>
    <row r="30" spans="1:6" ht="14.25">
      <c r="A30" s="43" t="s">
        <v>85</v>
      </c>
      <c r="B30" s="393" t="s">
        <v>74</v>
      </c>
      <c r="C30" s="394"/>
      <c r="D30" s="394"/>
      <c r="E30" s="394"/>
      <c r="F30" s="395"/>
    </row>
    <row r="31" spans="1:6" ht="27" customHeight="1">
      <c r="A31" s="44"/>
      <c r="B31" s="399"/>
      <c r="C31" s="400"/>
      <c r="D31" s="400"/>
      <c r="E31" s="400"/>
      <c r="F31" s="401"/>
    </row>
    <row r="32" spans="1:6" ht="27" customHeight="1">
      <c r="A32" s="44"/>
      <c r="B32" s="399"/>
      <c r="C32" s="400"/>
      <c r="D32" s="400"/>
      <c r="E32" s="400"/>
      <c r="F32" s="401"/>
    </row>
    <row r="33" spans="1:6" ht="27" customHeight="1">
      <c r="A33" s="44"/>
      <c r="B33" s="399"/>
      <c r="C33" s="400"/>
      <c r="D33" s="400"/>
      <c r="E33" s="400"/>
      <c r="F33" s="401"/>
    </row>
    <row r="34" spans="1:6" ht="42" customHeight="1" thickBot="1">
      <c r="A34" s="45" t="s">
        <v>90</v>
      </c>
      <c r="B34" s="402"/>
      <c r="C34" s="403"/>
      <c r="D34" s="403"/>
      <c r="E34" s="403"/>
      <c r="F34" s="404"/>
    </row>
  </sheetData>
  <mergeCells count="41">
    <mergeCell ref="B33:F33"/>
    <mergeCell ref="B34:F34"/>
    <mergeCell ref="B27:F27"/>
    <mergeCell ref="B28:F28"/>
    <mergeCell ref="B29:F29"/>
    <mergeCell ref="B30:F30"/>
    <mergeCell ref="B31:F31"/>
    <mergeCell ref="B32:F32"/>
    <mergeCell ref="B26:F26"/>
    <mergeCell ref="D15:E15"/>
    <mergeCell ref="D16:E16"/>
    <mergeCell ref="D17:E17"/>
    <mergeCell ref="D18:E18"/>
    <mergeCell ref="D19:E19"/>
    <mergeCell ref="D20:E20"/>
    <mergeCell ref="D21:E21"/>
    <mergeCell ref="D22:F22"/>
    <mergeCell ref="D23:F23"/>
    <mergeCell ref="D24:F24"/>
    <mergeCell ref="D25:F25"/>
    <mergeCell ref="D12:F12"/>
    <mergeCell ref="A13:A14"/>
    <mergeCell ref="B13:B14"/>
    <mergeCell ref="C13:C14"/>
    <mergeCell ref="D13:F13"/>
    <mergeCell ref="D14:E14"/>
    <mergeCell ref="D11:F11"/>
    <mergeCell ref="A2:F2"/>
    <mergeCell ref="A4:B4"/>
    <mergeCell ref="C4:F4"/>
    <mergeCell ref="A5:B5"/>
    <mergeCell ref="C5:D5"/>
    <mergeCell ref="E5:E6"/>
    <mergeCell ref="F5:F6"/>
    <mergeCell ref="A6:B6"/>
    <mergeCell ref="C6:D6"/>
    <mergeCell ref="A7:B8"/>
    <mergeCell ref="C7:D8"/>
    <mergeCell ref="E7:E8"/>
    <mergeCell ref="F7:F8"/>
    <mergeCell ref="D10:F10"/>
  </mergeCells>
  <phoneticPr fontId="3"/>
  <pageMargins left="0.70866141732283472" right="0.59055118110236227" top="0.47244094488188981" bottom="0.47244094488188981" header="0.31496062992125984" footer="0.31496062992125984"/>
  <pageSetup paperSize="9" orientation="portrait" horizontalDpi="300" verticalDpi="300"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31"/>
  <sheetViews>
    <sheetView topLeftCell="A28" workbookViewId="0">
      <selection activeCell="A2" sqref="A2:H2"/>
    </sheetView>
  </sheetViews>
  <sheetFormatPr defaultRowHeight="13.5"/>
  <cols>
    <col min="1" max="1" width="11.875" style="4" customWidth="1"/>
    <col min="2" max="8" width="10.625" style="4" customWidth="1"/>
    <col min="9" max="256" width="9" style="4"/>
    <col min="257" max="257" width="11.875" style="4" customWidth="1"/>
    <col min="258" max="264" width="10.625" style="4" customWidth="1"/>
    <col min="265" max="512" width="9" style="4"/>
    <col min="513" max="513" width="11.875" style="4" customWidth="1"/>
    <col min="514" max="520" width="10.625" style="4" customWidth="1"/>
    <col min="521" max="768" width="9" style="4"/>
    <col min="769" max="769" width="11.875" style="4" customWidth="1"/>
    <col min="770" max="776" width="10.625" style="4" customWidth="1"/>
    <col min="777" max="1024" width="9" style="4"/>
    <col min="1025" max="1025" width="11.875" style="4" customWidth="1"/>
    <col min="1026" max="1032" width="10.625" style="4" customWidth="1"/>
    <col min="1033" max="1280" width="9" style="4"/>
    <col min="1281" max="1281" width="11.875" style="4" customWidth="1"/>
    <col min="1282" max="1288" width="10.625" style="4" customWidth="1"/>
    <col min="1289" max="1536" width="9" style="4"/>
    <col min="1537" max="1537" width="11.875" style="4" customWidth="1"/>
    <col min="1538" max="1544" width="10.625" style="4" customWidth="1"/>
    <col min="1545" max="1792" width="9" style="4"/>
    <col min="1793" max="1793" width="11.875" style="4" customWidth="1"/>
    <col min="1794" max="1800" width="10.625" style="4" customWidth="1"/>
    <col min="1801" max="2048" width="9" style="4"/>
    <col min="2049" max="2049" width="11.875" style="4" customWidth="1"/>
    <col min="2050" max="2056" width="10.625" style="4" customWidth="1"/>
    <col min="2057" max="2304" width="9" style="4"/>
    <col min="2305" max="2305" width="11.875" style="4" customWidth="1"/>
    <col min="2306" max="2312" width="10.625" style="4" customWidth="1"/>
    <col min="2313" max="2560" width="9" style="4"/>
    <col min="2561" max="2561" width="11.875" style="4" customWidth="1"/>
    <col min="2562" max="2568" width="10.625" style="4" customWidth="1"/>
    <col min="2569" max="2816" width="9" style="4"/>
    <col min="2817" max="2817" width="11.875" style="4" customWidth="1"/>
    <col min="2818" max="2824" width="10.625" style="4" customWidth="1"/>
    <col min="2825" max="3072" width="9" style="4"/>
    <col min="3073" max="3073" width="11.875" style="4" customWidth="1"/>
    <col min="3074" max="3080" width="10.625" style="4" customWidth="1"/>
    <col min="3081" max="3328" width="9" style="4"/>
    <col min="3329" max="3329" width="11.875" style="4" customWidth="1"/>
    <col min="3330" max="3336" width="10.625" style="4" customWidth="1"/>
    <col min="3337" max="3584" width="9" style="4"/>
    <col min="3585" max="3585" width="11.875" style="4" customWidth="1"/>
    <col min="3586" max="3592" width="10.625" style="4" customWidth="1"/>
    <col min="3593" max="3840" width="9" style="4"/>
    <col min="3841" max="3841" width="11.875" style="4" customWidth="1"/>
    <col min="3842" max="3848" width="10.625" style="4" customWidth="1"/>
    <col min="3849" max="4096" width="9" style="4"/>
    <col min="4097" max="4097" width="11.875" style="4" customWidth="1"/>
    <col min="4098" max="4104" width="10.625" style="4" customWidth="1"/>
    <col min="4105" max="4352" width="9" style="4"/>
    <col min="4353" max="4353" width="11.875" style="4" customWidth="1"/>
    <col min="4354" max="4360" width="10.625" style="4" customWidth="1"/>
    <col min="4361" max="4608" width="9" style="4"/>
    <col min="4609" max="4609" width="11.875" style="4" customWidth="1"/>
    <col min="4610" max="4616" width="10.625" style="4" customWidth="1"/>
    <col min="4617" max="4864" width="9" style="4"/>
    <col min="4865" max="4865" width="11.875" style="4" customWidth="1"/>
    <col min="4866" max="4872" width="10.625" style="4" customWidth="1"/>
    <col min="4873" max="5120" width="9" style="4"/>
    <col min="5121" max="5121" width="11.875" style="4" customWidth="1"/>
    <col min="5122" max="5128" width="10.625" style="4" customWidth="1"/>
    <col min="5129" max="5376" width="9" style="4"/>
    <col min="5377" max="5377" width="11.875" style="4" customWidth="1"/>
    <col min="5378" max="5384" width="10.625" style="4" customWidth="1"/>
    <col min="5385" max="5632" width="9" style="4"/>
    <col min="5633" max="5633" width="11.875" style="4" customWidth="1"/>
    <col min="5634" max="5640" width="10.625" style="4" customWidth="1"/>
    <col min="5641" max="5888" width="9" style="4"/>
    <col min="5889" max="5889" width="11.875" style="4" customWidth="1"/>
    <col min="5890" max="5896" width="10.625" style="4" customWidth="1"/>
    <col min="5897" max="6144" width="9" style="4"/>
    <col min="6145" max="6145" width="11.875" style="4" customWidth="1"/>
    <col min="6146" max="6152" width="10.625" style="4" customWidth="1"/>
    <col min="6153" max="6400" width="9" style="4"/>
    <col min="6401" max="6401" width="11.875" style="4" customWidth="1"/>
    <col min="6402" max="6408" width="10.625" style="4" customWidth="1"/>
    <col min="6409" max="6656" width="9" style="4"/>
    <col min="6657" max="6657" width="11.875" style="4" customWidth="1"/>
    <col min="6658" max="6664" width="10.625" style="4" customWidth="1"/>
    <col min="6665" max="6912" width="9" style="4"/>
    <col min="6913" max="6913" width="11.875" style="4" customWidth="1"/>
    <col min="6914" max="6920" width="10.625" style="4" customWidth="1"/>
    <col min="6921" max="7168" width="9" style="4"/>
    <col min="7169" max="7169" width="11.875" style="4" customWidth="1"/>
    <col min="7170" max="7176" width="10.625" style="4" customWidth="1"/>
    <col min="7177" max="7424" width="9" style="4"/>
    <col min="7425" max="7425" width="11.875" style="4" customWidth="1"/>
    <col min="7426" max="7432" width="10.625" style="4" customWidth="1"/>
    <col min="7433" max="7680" width="9" style="4"/>
    <col min="7681" max="7681" width="11.875" style="4" customWidth="1"/>
    <col min="7682" max="7688" width="10.625" style="4" customWidth="1"/>
    <col min="7689" max="7936" width="9" style="4"/>
    <col min="7937" max="7937" width="11.875" style="4" customWidth="1"/>
    <col min="7938" max="7944" width="10.625" style="4" customWidth="1"/>
    <col min="7945" max="8192" width="9" style="4"/>
    <col min="8193" max="8193" width="11.875" style="4" customWidth="1"/>
    <col min="8194" max="8200" width="10.625" style="4" customWidth="1"/>
    <col min="8201" max="8448" width="9" style="4"/>
    <col min="8449" max="8449" width="11.875" style="4" customWidth="1"/>
    <col min="8450" max="8456" width="10.625" style="4" customWidth="1"/>
    <col min="8457" max="8704" width="9" style="4"/>
    <col min="8705" max="8705" width="11.875" style="4" customWidth="1"/>
    <col min="8706" max="8712" width="10.625" style="4" customWidth="1"/>
    <col min="8713" max="8960" width="9" style="4"/>
    <col min="8961" max="8961" width="11.875" style="4" customWidth="1"/>
    <col min="8962" max="8968" width="10.625" style="4" customWidth="1"/>
    <col min="8969" max="9216" width="9" style="4"/>
    <col min="9217" max="9217" width="11.875" style="4" customWidth="1"/>
    <col min="9218" max="9224" width="10.625" style="4" customWidth="1"/>
    <col min="9225" max="9472" width="9" style="4"/>
    <col min="9473" max="9473" width="11.875" style="4" customWidth="1"/>
    <col min="9474" max="9480" width="10.625" style="4" customWidth="1"/>
    <col min="9481" max="9728" width="9" style="4"/>
    <col min="9729" max="9729" width="11.875" style="4" customWidth="1"/>
    <col min="9730" max="9736" width="10.625" style="4" customWidth="1"/>
    <col min="9737" max="9984" width="9" style="4"/>
    <col min="9985" max="9985" width="11.875" style="4" customWidth="1"/>
    <col min="9986" max="9992" width="10.625" style="4" customWidth="1"/>
    <col min="9993" max="10240" width="9" style="4"/>
    <col min="10241" max="10241" width="11.875" style="4" customWidth="1"/>
    <col min="10242" max="10248" width="10.625" style="4" customWidth="1"/>
    <col min="10249" max="10496" width="9" style="4"/>
    <col min="10497" max="10497" width="11.875" style="4" customWidth="1"/>
    <col min="10498" max="10504" width="10.625" style="4" customWidth="1"/>
    <col min="10505" max="10752" width="9" style="4"/>
    <col min="10753" max="10753" width="11.875" style="4" customWidth="1"/>
    <col min="10754" max="10760" width="10.625" style="4" customWidth="1"/>
    <col min="10761" max="11008" width="9" style="4"/>
    <col min="11009" max="11009" width="11.875" style="4" customWidth="1"/>
    <col min="11010" max="11016" width="10.625" style="4" customWidth="1"/>
    <col min="11017" max="11264" width="9" style="4"/>
    <col min="11265" max="11265" width="11.875" style="4" customWidth="1"/>
    <col min="11266" max="11272" width="10.625" style="4" customWidth="1"/>
    <col min="11273" max="11520" width="9" style="4"/>
    <col min="11521" max="11521" width="11.875" style="4" customWidth="1"/>
    <col min="11522" max="11528" width="10.625" style="4" customWidth="1"/>
    <col min="11529" max="11776" width="9" style="4"/>
    <col min="11777" max="11777" width="11.875" style="4" customWidth="1"/>
    <col min="11778" max="11784" width="10.625" style="4" customWidth="1"/>
    <col min="11785" max="12032" width="9" style="4"/>
    <col min="12033" max="12033" width="11.875" style="4" customWidth="1"/>
    <col min="12034" max="12040" width="10.625" style="4" customWidth="1"/>
    <col min="12041" max="12288" width="9" style="4"/>
    <col min="12289" max="12289" width="11.875" style="4" customWidth="1"/>
    <col min="12290" max="12296" width="10.625" style="4" customWidth="1"/>
    <col min="12297" max="12544" width="9" style="4"/>
    <col min="12545" max="12545" width="11.875" style="4" customWidth="1"/>
    <col min="12546" max="12552" width="10.625" style="4" customWidth="1"/>
    <col min="12553" max="12800" width="9" style="4"/>
    <col min="12801" max="12801" width="11.875" style="4" customWidth="1"/>
    <col min="12802" max="12808" width="10.625" style="4" customWidth="1"/>
    <col min="12809" max="13056" width="9" style="4"/>
    <col min="13057" max="13057" width="11.875" style="4" customWidth="1"/>
    <col min="13058" max="13064" width="10.625" style="4" customWidth="1"/>
    <col min="13065" max="13312" width="9" style="4"/>
    <col min="13313" max="13313" width="11.875" style="4" customWidth="1"/>
    <col min="13314" max="13320" width="10.625" style="4" customWidth="1"/>
    <col min="13321" max="13568" width="9" style="4"/>
    <col min="13569" max="13569" width="11.875" style="4" customWidth="1"/>
    <col min="13570" max="13576" width="10.625" style="4" customWidth="1"/>
    <col min="13577" max="13824" width="9" style="4"/>
    <col min="13825" max="13825" width="11.875" style="4" customWidth="1"/>
    <col min="13826" max="13832" width="10.625" style="4" customWidth="1"/>
    <col min="13833" max="14080" width="9" style="4"/>
    <col min="14081" max="14081" width="11.875" style="4" customWidth="1"/>
    <col min="14082" max="14088" width="10.625" style="4" customWidth="1"/>
    <col min="14089" max="14336" width="9" style="4"/>
    <col min="14337" max="14337" width="11.875" style="4" customWidth="1"/>
    <col min="14338" max="14344" width="10.625" style="4" customWidth="1"/>
    <col min="14345" max="14592" width="9" style="4"/>
    <col min="14593" max="14593" width="11.875" style="4" customWidth="1"/>
    <col min="14594" max="14600" width="10.625" style="4" customWidth="1"/>
    <col min="14601" max="14848" width="9" style="4"/>
    <col min="14849" max="14849" width="11.875" style="4" customWidth="1"/>
    <col min="14850" max="14856" width="10.625" style="4" customWidth="1"/>
    <col min="14857" max="15104" width="9" style="4"/>
    <col min="15105" max="15105" width="11.875" style="4" customWidth="1"/>
    <col min="15106" max="15112" width="10.625" style="4" customWidth="1"/>
    <col min="15113" max="15360" width="9" style="4"/>
    <col min="15361" max="15361" width="11.875" style="4" customWidth="1"/>
    <col min="15362" max="15368" width="10.625" style="4" customWidth="1"/>
    <col min="15369" max="15616" width="9" style="4"/>
    <col min="15617" max="15617" width="11.875" style="4" customWidth="1"/>
    <col min="15618" max="15624" width="10.625" style="4" customWidth="1"/>
    <col min="15625" max="15872" width="9" style="4"/>
    <col min="15873" max="15873" width="11.875" style="4" customWidth="1"/>
    <col min="15874" max="15880" width="10.625" style="4" customWidth="1"/>
    <col min="15881" max="16128" width="9" style="4"/>
    <col min="16129" max="16129" width="11.875" style="4" customWidth="1"/>
    <col min="16130" max="16136" width="10.625" style="4" customWidth="1"/>
    <col min="16137" max="16384" width="9" style="4"/>
  </cols>
  <sheetData>
    <row r="1" spans="1:8">
      <c r="A1" s="1" t="s">
        <v>82</v>
      </c>
    </row>
    <row r="2" spans="1:8" ht="21" customHeight="1">
      <c r="A2" s="408" t="s">
        <v>92</v>
      </c>
      <c r="B2" s="408"/>
      <c r="C2" s="408"/>
      <c r="D2" s="408"/>
      <c r="E2" s="408"/>
      <c r="F2" s="408"/>
      <c r="G2" s="408"/>
      <c r="H2" s="408"/>
    </row>
    <row r="4" spans="1:8" ht="18" customHeight="1">
      <c r="A4" s="4" t="s">
        <v>93</v>
      </c>
    </row>
    <row r="5" spans="1:8" ht="21" customHeight="1">
      <c r="A5" s="56" t="s">
        <v>79</v>
      </c>
      <c r="B5" s="56" t="s">
        <v>94</v>
      </c>
      <c r="C5" s="56" t="s">
        <v>95</v>
      </c>
      <c r="D5" s="56" t="s">
        <v>96</v>
      </c>
      <c r="E5" s="56" t="s">
        <v>97</v>
      </c>
      <c r="F5" s="56" t="s">
        <v>98</v>
      </c>
      <c r="G5" s="57" t="s">
        <v>99</v>
      </c>
      <c r="H5" s="58" t="s">
        <v>100</v>
      </c>
    </row>
    <row r="6" spans="1:8" ht="21" customHeight="1">
      <c r="A6" s="59" t="s">
        <v>101</v>
      </c>
      <c r="B6" s="60"/>
      <c r="C6" s="60"/>
      <c r="D6" s="60"/>
      <c r="E6" s="60"/>
      <c r="F6" s="60"/>
      <c r="G6" s="61"/>
      <c r="H6" s="62"/>
    </row>
    <row r="7" spans="1:8" ht="21" customHeight="1">
      <c r="A7" s="59" t="s">
        <v>102</v>
      </c>
      <c r="B7" s="63" t="s">
        <v>103</v>
      </c>
      <c r="C7" s="63" t="s">
        <v>104</v>
      </c>
      <c r="D7" s="63" t="s">
        <v>104</v>
      </c>
      <c r="E7" s="63" t="s">
        <v>105</v>
      </c>
      <c r="F7" s="63" t="s">
        <v>106</v>
      </c>
      <c r="G7" s="64" t="s">
        <v>106</v>
      </c>
      <c r="H7" s="65"/>
    </row>
    <row r="8" spans="1:8" ht="21" customHeight="1">
      <c r="A8" s="59" t="s">
        <v>107</v>
      </c>
      <c r="B8" s="60"/>
      <c r="C8" s="60"/>
      <c r="D8" s="60"/>
      <c r="E8" s="60"/>
      <c r="F8" s="60"/>
      <c r="G8" s="61"/>
      <c r="H8" s="62"/>
    </row>
    <row r="9" spans="1:8">
      <c r="A9" s="66"/>
    </row>
    <row r="11" spans="1:8" ht="18" customHeight="1">
      <c r="A11" s="4" t="s">
        <v>108</v>
      </c>
    </row>
    <row r="12" spans="1:8" ht="41.25" customHeight="1">
      <c r="A12" s="56" t="s">
        <v>7</v>
      </c>
      <c r="B12" s="56" t="s">
        <v>109</v>
      </c>
      <c r="C12" s="56" t="s">
        <v>110</v>
      </c>
      <c r="D12" s="67" t="s">
        <v>111</v>
      </c>
      <c r="E12" s="56" t="s">
        <v>112</v>
      </c>
      <c r="F12" s="56" t="s">
        <v>113</v>
      </c>
      <c r="G12" s="68" t="s">
        <v>114</v>
      </c>
      <c r="H12" s="58" t="s">
        <v>115</v>
      </c>
    </row>
    <row r="13" spans="1:8" ht="21" customHeight="1">
      <c r="A13" s="69" t="s">
        <v>116</v>
      </c>
      <c r="B13" s="60"/>
      <c r="C13" s="60"/>
      <c r="D13" s="60"/>
      <c r="E13" s="60"/>
      <c r="F13" s="60"/>
      <c r="G13" s="61"/>
      <c r="H13" s="62"/>
    </row>
    <row r="14" spans="1:8" ht="21" customHeight="1" thickBot="1">
      <c r="A14" s="70" t="s">
        <v>117</v>
      </c>
      <c r="B14" s="71"/>
      <c r="C14" s="71"/>
      <c r="D14" s="71"/>
      <c r="E14" s="71"/>
      <c r="F14" s="71"/>
      <c r="G14" s="72"/>
      <c r="H14" s="73"/>
    </row>
    <row r="15" spans="1:8" ht="21" customHeight="1" thickTop="1">
      <c r="A15" s="74" t="s">
        <v>118</v>
      </c>
      <c r="B15" s="75"/>
      <c r="C15" s="75"/>
      <c r="D15" s="75"/>
      <c r="E15" s="75"/>
      <c r="F15" s="75"/>
      <c r="G15" s="76"/>
      <c r="H15" s="77"/>
    </row>
    <row r="16" spans="1:8" ht="15" customHeight="1">
      <c r="A16" s="409" t="s">
        <v>119</v>
      </c>
      <c r="B16" s="410"/>
      <c r="C16" s="411"/>
      <c r="D16" s="415" t="s">
        <v>120</v>
      </c>
      <c r="E16" s="416"/>
      <c r="F16" s="416"/>
      <c r="G16" s="416"/>
      <c r="H16" s="417"/>
    </row>
    <row r="17" spans="1:8" ht="15" customHeight="1">
      <c r="A17" s="412"/>
      <c r="B17" s="413"/>
      <c r="C17" s="414"/>
      <c r="D17" s="418" t="s">
        <v>121</v>
      </c>
      <c r="E17" s="419"/>
      <c r="F17" s="419"/>
      <c r="G17" s="419"/>
      <c r="H17" s="420"/>
    </row>
    <row r="18" spans="1:8" ht="30" customHeight="1">
      <c r="A18" s="421" t="s">
        <v>122</v>
      </c>
      <c r="B18" s="422"/>
      <c r="C18" s="423"/>
      <c r="D18" s="424" t="s">
        <v>123</v>
      </c>
      <c r="E18" s="425"/>
      <c r="F18" s="425"/>
      <c r="G18" s="425"/>
      <c r="H18" s="426"/>
    </row>
    <row r="20" spans="1:8" ht="18" customHeight="1">
      <c r="A20" s="78" t="s">
        <v>124</v>
      </c>
      <c r="B20" s="78"/>
      <c r="C20" s="78"/>
      <c r="D20" s="78"/>
      <c r="E20" s="78"/>
      <c r="F20" s="78"/>
      <c r="G20" s="78"/>
      <c r="H20" s="78"/>
    </row>
    <row r="21" spans="1:8" ht="18" customHeight="1">
      <c r="A21" s="427" t="s">
        <v>125</v>
      </c>
      <c r="B21" s="428"/>
      <c r="C21" s="428"/>
      <c r="D21" s="428"/>
      <c r="E21" s="428"/>
      <c r="F21" s="428"/>
      <c r="G21" s="428"/>
      <c r="H21" s="429"/>
    </row>
    <row r="22" spans="1:8" ht="72" customHeight="1">
      <c r="A22" s="430"/>
      <c r="B22" s="431"/>
      <c r="C22" s="431"/>
      <c r="D22" s="431"/>
      <c r="E22" s="431"/>
      <c r="F22" s="431"/>
      <c r="G22" s="431"/>
      <c r="H22" s="432"/>
    </row>
    <row r="23" spans="1:8" ht="13.5" customHeight="1"/>
    <row r="24" spans="1:8" ht="18" customHeight="1">
      <c r="A24" s="78" t="s">
        <v>126</v>
      </c>
      <c r="B24" s="78"/>
      <c r="C24" s="78"/>
      <c r="D24" s="78"/>
      <c r="E24" s="78"/>
      <c r="F24" s="78"/>
      <c r="G24" s="78"/>
      <c r="H24" s="78"/>
    </row>
    <row r="25" spans="1:8" ht="72" customHeight="1">
      <c r="A25" s="433"/>
      <c r="B25" s="434"/>
      <c r="C25" s="434"/>
      <c r="D25" s="434"/>
      <c r="E25" s="434"/>
      <c r="F25" s="434"/>
      <c r="G25" s="434"/>
      <c r="H25" s="435"/>
    </row>
    <row r="27" spans="1:8" ht="18" customHeight="1">
      <c r="A27" s="78" t="s">
        <v>127</v>
      </c>
      <c r="B27" s="78"/>
      <c r="C27" s="78"/>
      <c r="D27" s="78"/>
      <c r="E27" s="78"/>
      <c r="F27" s="78"/>
      <c r="G27" s="78"/>
      <c r="H27" s="78"/>
    </row>
    <row r="28" spans="1:8" ht="72" customHeight="1">
      <c r="A28" s="433"/>
      <c r="B28" s="434"/>
      <c r="C28" s="434"/>
      <c r="D28" s="434"/>
      <c r="E28" s="434"/>
      <c r="F28" s="434"/>
      <c r="G28" s="434"/>
      <c r="H28" s="435"/>
    </row>
    <row r="30" spans="1:8" ht="18" customHeight="1">
      <c r="A30" s="78" t="s">
        <v>128</v>
      </c>
      <c r="B30" s="78"/>
      <c r="C30" s="78"/>
      <c r="D30" s="78"/>
      <c r="E30" s="78"/>
      <c r="F30" s="78"/>
      <c r="G30" s="78"/>
      <c r="H30" s="78"/>
    </row>
    <row r="31" spans="1:8" ht="84" customHeight="1">
      <c r="A31" s="433"/>
      <c r="B31" s="434"/>
      <c r="C31" s="434"/>
      <c r="D31" s="434"/>
      <c r="E31" s="434"/>
      <c r="F31" s="434"/>
      <c r="G31" s="434"/>
      <c r="H31" s="435"/>
    </row>
  </sheetData>
  <mergeCells count="11">
    <mergeCell ref="A21:H21"/>
    <mergeCell ref="A22:H22"/>
    <mergeCell ref="A25:H25"/>
    <mergeCell ref="A28:H28"/>
    <mergeCell ref="A31:H31"/>
    <mergeCell ref="A2:H2"/>
    <mergeCell ref="A16:C17"/>
    <mergeCell ref="D16:H16"/>
    <mergeCell ref="D17:H17"/>
    <mergeCell ref="A18:C18"/>
    <mergeCell ref="D18:H18"/>
  </mergeCells>
  <phoneticPr fontId="3"/>
  <pageMargins left="0.82677165354330717" right="0.62992125984251968" top="0.74803149606299213" bottom="0.74803149606299213" header="0.31496062992125984" footer="0.31496062992125984"/>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45"/>
  <sheetViews>
    <sheetView workbookViewId="0">
      <selection activeCell="A2" sqref="A2"/>
    </sheetView>
  </sheetViews>
  <sheetFormatPr defaultColWidth="4.625" defaultRowHeight="15.75" customHeight="1"/>
  <cols>
    <col min="1" max="1" width="10.25" style="79" customWidth="1"/>
    <col min="2" max="256" width="4.625" style="79"/>
    <col min="257" max="257" width="10.25" style="79" customWidth="1"/>
    <col min="258" max="512" width="4.625" style="79"/>
    <col min="513" max="513" width="10.25" style="79" customWidth="1"/>
    <col min="514" max="768" width="4.625" style="79"/>
    <col min="769" max="769" width="10.25" style="79" customWidth="1"/>
    <col min="770" max="1024" width="4.625" style="79"/>
    <col min="1025" max="1025" width="10.25" style="79" customWidth="1"/>
    <col min="1026" max="1280" width="4.625" style="79"/>
    <col min="1281" max="1281" width="10.25" style="79" customWidth="1"/>
    <col min="1282" max="1536" width="4.625" style="79"/>
    <col min="1537" max="1537" width="10.25" style="79" customWidth="1"/>
    <col min="1538" max="1792" width="4.625" style="79"/>
    <col min="1793" max="1793" width="10.25" style="79" customWidth="1"/>
    <col min="1794" max="2048" width="4.625" style="79"/>
    <col min="2049" max="2049" width="10.25" style="79" customWidth="1"/>
    <col min="2050" max="2304" width="4.625" style="79"/>
    <col min="2305" max="2305" width="10.25" style="79" customWidth="1"/>
    <col min="2306" max="2560" width="4.625" style="79"/>
    <col min="2561" max="2561" width="10.25" style="79" customWidth="1"/>
    <col min="2562" max="2816" width="4.625" style="79"/>
    <col min="2817" max="2817" width="10.25" style="79" customWidth="1"/>
    <col min="2818" max="3072" width="4.625" style="79"/>
    <col min="3073" max="3073" width="10.25" style="79" customWidth="1"/>
    <col min="3074" max="3328" width="4.625" style="79"/>
    <col min="3329" max="3329" width="10.25" style="79" customWidth="1"/>
    <col min="3330" max="3584" width="4.625" style="79"/>
    <col min="3585" max="3585" width="10.25" style="79" customWidth="1"/>
    <col min="3586" max="3840" width="4.625" style="79"/>
    <col min="3841" max="3841" width="10.25" style="79" customWidth="1"/>
    <col min="3842" max="4096" width="4.625" style="79"/>
    <col min="4097" max="4097" width="10.25" style="79" customWidth="1"/>
    <col min="4098" max="4352" width="4.625" style="79"/>
    <col min="4353" max="4353" width="10.25" style="79" customWidth="1"/>
    <col min="4354" max="4608" width="4.625" style="79"/>
    <col min="4609" max="4609" width="10.25" style="79" customWidth="1"/>
    <col min="4610" max="4864" width="4.625" style="79"/>
    <col min="4865" max="4865" width="10.25" style="79" customWidth="1"/>
    <col min="4866" max="5120" width="4.625" style="79"/>
    <col min="5121" max="5121" width="10.25" style="79" customWidth="1"/>
    <col min="5122" max="5376" width="4.625" style="79"/>
    <col min="5377" max="5377" width="10.25" style="79" customWidth="1"/>
    <col min="5378" max="5632" width="4.625" style="79"/>
    <col min="5633" max="5633" width="10.25" style="79" customWidth="1"/>
    <col min="5634" max="5888" width="4.625" style="79"/>
    <col min="5889" max="5889" width="10.25" style="79" customWidth="1"/>
    <col min="5890" max="6144" width="4.625" style="79"/>
    <col min="6145" max="6145" width="10.25" style="79" customWidth="1"/>
    <col min="6146" max="6400" width="4.625" style="79"/>
    <col min="6401" max="6401" width="10.25" style="79" customWidth="1"/>
    <col min="6402" max="6656" width="4.625" style="79"/>
    <col min="6657" max="6657" width="10.25" style="79" customWidth="1"/>
    <col min="6658" max="6912" width="4.625" style="79"/>
    <col min="6913" max="6913" width="10.25" style="79" customWidth="1"/>
    <col min="6914" max="7168" width="4.625" style="79"/>
    <col min="7169" max="7169" width="10.25" style="79" customWidth="1"/>
    <col min="7170" max="7424" width="4.625" style="79"/>
    <col min="7425" max="7425" width="10.25" style="79" customWidth="1"/>
    <col min="7426" max="7680" width="4.625" style="79"/>
    <col min="7681" max="7681" width="10.25" style="79" customWidth="1"/>
    <col min="7682" max="7936" width="4.625" style="79"/>
    <col min="7937" max="7937" width="10.25" style="79" customWidth="1"/>
    <col min="7938" max="8192" width="4.625" style="79"/>
    <col min="8193" max="8193" width="10.25" style="79" customWidth="1"/>
    <col min="8194" max="8448" width="4.625" style="79"/>
    <col min="8449" max="8449" width="10.25" style="79" customWidth="1"/>
    <col min="8450" max="8704" width="4.625" style="79"/>
    <col min="8705" max="8705" width="10.25" style="79" customWidth="1"/>
    <col min="8706" max="8960" width="4.625" style="79"/>
    <col min="8961" max="8961" width="10.25" style="79" customWidth="1"/>
    <col min="8962" max="9216" width="4.625" style="79"/>
    <col min="9217" max="9217" width="10.25" style="79" customWidth="1"/>
    <col min="9218" max="9472" width="4.625" style="79"/>
    <col min="9473" max="9473" width="10.25" style="79" customWidth="1"/>
    <col min="9474" max="9728" width="4.625" style="79"/>
    <col min="9729" max="9729" width="10.25" style="79" customWidth="1"/>
    <col min="9730" max="9984" width="4.625" style="79"/>
    <col min="9985" max="9985" width="10.25" style="79" customWidth="1"/>
    <col min="9986" max="10240" width="4.625" style="79"/>
    <col min="10241" max="10241" width="10.25" style="79" customWidth="1"/>
    <col min="10242" max="10496" width="4.625" style="79"/>
    <col min="10497" max="10497" width="10.25" style="79" customWidth="1"/>
    <col min="10498" max="10752" width="4.625" style="79"/>
    <col min="10753" max="10753" width="10.25" style="79" customWidth="1"/>
    <col min="10754" max="11008" width="4.625" style="79"/>
    <col min="11009" max="11009" width="10.25" style="79" customWidth="1"/>
    <col min="11010" max="11264" width="4.625" style="79"/>
    <col min="11265" max="11265" width="10.25" style="79" customWidth="1"/>
    <col min="11266" max="11520" width="4.625" style="79"/>
    <col min="11521" max="11521" width="10.25" style="79" customWidth="1"/>
    <col min="11522" max="11776" width="4.625" style="79"/>
    <col min="11777" max="11777" width="10.25" style="79" customWidth="1"/>
    <col min="11778" max="12032" width="4.625" style="79"/>
    <col min="12033" max="12033" width="10.25" style="79" customWidth="1"/>
    <col min="12034" max="12288" width="4.625" style="79"/>
    <col min="12289" max="12289" width="10.25" style="79" customWidth="1"/>
    <col min="12290" max="12544" width="4.625" style="79"/>
    <col min="12545" max="12545" width="10.25" style="79" customWidth="1"/>
    <col min="12546" max="12800" width="4.625" style="79"/>
    <col min="12801" max="12801" width="10.25" style="79" customWidth="1"/>
    <col min="12802" max="13056" width="4.625" style="79"/>
    <col min="13057" max="13057" width="10.25" style="79" customWidth="1"/>
    <col min="13058" max="13312" width="4.625" style="79"/>
    <col min="13313" max="13313" width="10.25" style="79" customWidth="1"/>
    <col min="13314" max="13568" width="4.625" style="79"/>
    <col min="13569" max="13569" width="10.25" style="79" customWidth="1"/>
    <col min="13570" max="13824" width="4.625" style="79"/>
    <col min="13825" max="13825" width="10.25" style="79" customWidth="1"/>
    <col min="13826" max="14080" width="4.625" style="79"/>
    <col min="14081" max="14081" width="10.25" style="79" customWidth="1"/>
    <col min="14082" max="14336" width="4.625" style="79"/>
    <col min="14337" max="14337" width="10.25" style="79" customWidth="1"/>
    <col min="14338" max="14592" width="4.625" style="79"/>
    <col min="14593" max="14593" width="10.25" style="79" customWidth="1"/>
    <col min="14594" max="14848" width="4.625" style="79"/>
    <col min="14849" max="14849" width="10.25" style="79" customWidth="1"/>
    <col min="14850" max="15104" width="4.625" style="79"/>
    <col min="15105" max="15105" width="10.25" style="79" customWidth="1"/>
    <col min="15106" max="15360" width="4.625" style="79"/>
    <col min="15361" max="15361" width="10.25" style="79" customWidth="1"/>
    <col min="15362" max="15616" width="4.625" style="79"/>
    <col min="15617" max="15617" width="10.25" style="79" customWidth="1"/>
    <col min="15618" max="15872" width="4.625" style="79"/>
    <col min="15873" max="15873" width="10.25" style="79" customWidth="1"/>
    <col min="15874" max="16128" width="4.625" style="79"/>
    <col min="16129" max="16129" width="10.25" style="79" customWidth="1"/>
    <col min="16130" max="16384" width="4.625" style="79"/>
  </cols>
  <sheetData>
    <row r="1" spans="1:27" ht="15" customHeight="1">
      <c r="A1" s="79" t="s">
        <v>91</v>
      </c>
    </row>
    <row r="2" spans="1:27" ht="21" customHeight="1">
      <c r="A2" s="80" t="s">
        <v>130</v>
      </c>
    </row>
    <row r="3" spans="1:27" ht="12" customHeight="1"/>
    <row r="4" spans="1:27" ht="15.75" customHeight="1">
      <c r="A4" s="81" t="s">
        <v>131</v>
      </c>
      <c r="B4" s="436">
        <v>0.29166666666666669</v>
      </c>
      <c r="C4" s="436"/>
      <c r="D4" s="436">
        <v>0.33333333333333331</v>
      </c>
      <c r="E4" s="436"/>
      <c r="F4" s="436">
        <v>0.375</v>
      </c>
      <c r="G4" s="436"/>
      <c r="H4" s="436">
        <v>0.41666666666666669</v>
      </c>
      <c r="I4" s="436"/>
      <c r="J4" s="436">
        <v>0.45833333333333331</v>
      </c>
      <c r="K4" s="436"/>
      <c r="L4" s="436">
        <v>0.5</v>
      </c>
      <c r="M4" s="436"/>
      <c r="N4" s="436">
        <v>0.54166666666666663</v>
      </c>
      <c r="O4" s="436"/>
      <c r="P4" s="436">
        <v>0.58333333333333337</v>
      </c>
      <c r="Q4" s="436"/>
      <c r="R4" s="436">
        <v>0.625</v>
      </c>
      <c r="S4" s="436"/>
      <c r="T4" s="436">
        <v>0.66666666666666663</v>
      </c>
      <c r="U4" s="436"/>
      <c r="V4" s="436">
        <v>0.70833333333333337</v>
      </c>
      <c r="W4" s="436"/>
      <c r="X4" s="436">
        <v>0.75</v>
      </c>
      <c r="Y4" s="436"/>
      <c r="Z4" s="436">
        <v>0.79166666666666663</v>
      </c>
      <c r="AA4" s="437"/>
    </row>
    <row r="5" spans="1:27" ht="12" customHeight="1">
      <c r="A5" s="82" t="s">
        <v>132</v>
      </c>
      <c r="B5" s="83"/>
      <c r="C5" s="84"/>
      <c r="D5" s="85"/>
      <c r="E5" s="86"/>
      <c r="F5" s="87"/>
      <c r="G5" s="83"/>
      <c r="H5" s="87"/>
      <c r="I5" s="83"/>
      <c r="J5" s="87"/>
      <c r="K5" s="83"/>
      <c r="L5" s="87"/>
      <c r="M5" s="83"/>
      <c r="N5" s="87"/>
      <c r="O5" s="83"/>
      <c r="P5" s="87"/>
      <c r="Q5" s="83"/>
      <c r="R5" s="87"/>
      <c r="S5" s="83"/>
      <c r="T5" s="87"/>
      <c r="U5" s="83"/>
      <c r="V5" s="87"/>
      <c r="W5" s="83"/>
      <c r="X5" s="87"/>
      <c r="Y5" s="85"/>
      <c r="Z5" s="88"/>
      <c r="AA5" s="89"/>
    </row>
    <row r="6" spans="1:27" ht="12" customHeight="1">
      <c r="A6" s="90" t="s">
        <v>133</v>
      </c>
      <c r="B6" s="91"/>
      <c r="C6" s="92"/>
      <c r="D6" s="93"/>
      <c r="E6" s="94"/>
      <c r="F6" s="95"/>
      <c r="G6" s="96"/>
      <c r="H6" s="97"/>
      <c r="I6" s="96"/>
      <c r="J6" s="97"/>
      <c r="K6" s="96"/>
      <c r="L6" s="97"/>
      <c r="M6" s="96"/>
      <c r="N6" s="97"/>
      <c r="O6" s="96"/>
      <c r="P6" s="97"/>
      <c r="Q6" s="96"/>
      <c r="R6" s="97"/>
      <c r="S6" s="96"/>
      <c r="T6" s="97"/>
      <c r="U6" s="96"/>
      <c r="V6" s="97"/>
      <c r="W6" s="91"/>
      <c r="X6" s="95"/>
      <c r="Y6" s="93"/>
      <c r="Z6" s="98"/>
      <c r="AA6" s="99"/>
    </row>
    <row r="7" spans="1:27" ht="12" customHeight="1">
      <c r="A7" s="100" t="s">
        <v>134</v>
      </c>
      <c r="B7" s="101"/>
      <c r="C7" s="102"/>
      <c r="D7" s="103"/>
      <c r="E7" s="104"/>
      <c r="F7" s="105"/>
      <c r="G7" s="103"/>
      <c r="H7" s="105"/>
      <c r="I7" s="103"/>
      <c r="J7" s="105"/>
      <c r="K7" s="103"/>
      <c r="L7" s="105"/>
      <c r="M7" s="103"/>
      <c r="N7" s="105"/>
      <c r="O7" s="103"/>
      <c r="P7" s="105"/>
      <c r="Q7" s="103"/>
      <c r="R7" s="105"/>
      <c r="S7" s="103"/>
      <c r="T7" s="105"/>
      <c r="U7" s="103"/>
      <c r="V7" s="105"/>
      <c r="W7" s="103"/>
      <c r="X7" s="105"/>
      <c r="Y7" s="103"/>
      <c r="Z7" s="106"/>
      <c r="AA7" s="107"/>
    </row>
    <row r="8" spans="1:27" ht="12" customHeight="1">
      <c r="A8" s="108" t="s">
        <v>135</v>
      </c>
      <c r="B8" s="91"/>
      <c r="C8" s="109"/>
      <c r="D8" s="91"/>
      <c r="E8" s="94"/>
      <c r="F8" s="98"/>
      <c r="G8" s="91"/>
      <c r="H8" s="98"/>
      <c r="I8" s="91"/>
      <c r="J8" s="98"/>
      <c r="K8" s="91"/>
      <c r="L8" s="98"/>
      <c r="M8" s="91"/>
      <c r="N8" s="98"/>
      <c r="O8" s="91"/>
      <c r="P8" s="98"/>
      <c r="Q8" s="91"/>
      <c r="R8" s="98"/>
      <c r="S8" s="91"/>
      <c r="T8" s="98"/>
      <c r="U8" s="91"/>
      <c r="V8" s="98"/>
      <c r="W8" s="91"/>
      <c r="X8" s="98"/>
      <c r="Y8" s="91"/>
      <c r="Z8" s="98"/>
      <c r="AA8" s="99"/>
    </row>
    <row r="9" spans="1:27" ht="12" customHeight="1">
      <c r="A9" s="90" t="s">
        <v>136</v>
      </c>
      <c r="B9" s="91"/>
      <c r="C9" s="109"/>
      <c r="D9" s="91"/>
      <c r="E9" s="94"/>
      <c r="F9" s="98"/>
      <c r="G9" s="91"/>
      <c r="H9" s="98"/>
      <c r="I9" s="91"/>
      <c r="J9" s="98"/>
      <c r="K9" s="91"/>
      <c r="L9" s="98"/>
      <c r="M9" s="91"/>
      <c r="N9" s="98"/>
      <c r="O9" s="91"/>
      <c r="P9" s="98"/>
      <c r="Q9" s="91"/>
      <c r="R9" s="98"/>
      <c r="S9" s="91"/>
      <c r="T9" s="98"/>
      <c r="U9" s="91"/>
      <c r="V9" s="98"/>
      <c r="W9" s="91"/>
      <c r="X9" s="98"/>
      <c r="Y9" s="91"/>
      <c r="Z9" s="98"/>
      <c r="AA9" s="99"/>
    </row>
    <row r="10" spans="1:27" ht="12" customHeight="1">
      <c r="A10" s="90" t="s">
        <v>137</v>
      </c>
      <c r="B10" s="91"/>
      <c r="C10" s="109"/>
      <c r="D10" s="91"/>
      <c r="E10" s="94"/>
      <c r="F10" s="98"/>
      <c r="G10" s="91"/>
      <c r="H10" s="98"/>
      <c r="I10" s="91"/>
      <c r="J10" s="98"/>
      <c r="K10" s="91"/>
      <c r="L10" s="98"/>
      <c r="M10" s="91"/>
      <c r="N10" s="98"/>
      <c r="O10" s="91"/>
      <c r="P10" s="98"/>
      <c r="Q10" s="91"/>
      <c r="R10" s="98"/>
      <c r="S10" s="91"/>
      <c r="T10" s="98"/>
      <c r="U10" s="91"/>
      <c r="V10" s="98"/>
      <c r="W10" s="91"/>
      <c r="X10" s="98"/>
      <c r="Y10" s="91"/>
      <c r="Z10" s="98"/>
      <c r="AA10" s="99"/>
    </row>
    <row r="11" spans="1:27" ht="12" customHeight="1">
      <c r="A11" s="90" t="s">
        <v>138</v>
      </c>
      <c r="B11" s="91"/>
      <c r="C11" s="109"/>
      <c r="D11" s="91"/>
      <c r="E11" s="94"/>
      <c r="F11" s="98"/>
      <c r="G11" s="91"/>
      <c r="H11" s="98"/>
      <c r="I11" s="91"/>
      <c r="J11" s="98"/>
      <c r="K11" s="91"/>
      <c r="L11" s="98"/>
      <c r="M11" s="91"/>
      <c r="N11" s="98"/>
      <c r="O11" s="91"/>
      <c r="P11" s="98"/>
      <c r="Q11" s="91"/>
      <c r="R11" s="98"/>
      <c r="S11" s="91"/>
      <c r="T11" s="98"/>
      <c r="U11" s="91"/>
      <c r="V11" s="98"/>
      <c r="W11" s="91"/>
      <c r="X11" s="98"/>
      <c r="Y11" s="91"/>
      <c r="Z11" s="98"/>
      <c r="AA11" s="99"/>
    </row>
    <row r="12" spans="1:27" ht="12" customHeight="1">
      <c r="A12" s="90" t="s">
        <v>139</v>
      </c>
      <c r="B12" s="91"/>
      <c r="C12" s="109"/>
      <c r="D12" s="91"/>
      <c r="E12" s="94"/>
      <c r="F12" s="98"/>
      <c r="G12" s="91"/>
      <c r="H12" s="98"/>
      <c r="I12" s="91"/>
      <c r="J12" s="98"/>
      <c r="K12" s="91"/>
      <c r="L12" s="98"/>
      <c r="M12" s="91"/>
      <c r="N12" s="98"/>
      <c r="O12" s="91"/>
      <c r="P12" s="98"/>
      <c r="Q12" s="91"/>
      <c r="R12" s="98"/>
      <c r="S12" s="91"/>
      <c r="T12" s="98"/>
      <c r="U12" s="91"/>
      <c r="V12" s="98"/>
      <c r="W12" s="91"/>
      <c r="X12" s="98"/>
      <c r="Y12" s="91"/>
      <c r="Z12" s="98"/>
      <c r="AA12" s="99"/>
    </row>
    <row r="13" spans="1:27" ht="12" customHeight="1">
      <c r="A13" s="90" t="s">
        <v>140</v>
      </c>
      <c r="B13" s="91"/>
      <c r="C13" s="109"/>
      <c r="D13" s="91"/>
      <c r="E13" s="94"/>
      <c r="F13" s="98"/>
      <c r="G13" s="91"/>
      <c r="H13" s="98"/>
      <c r="I13" s="91"/>
      <c r="J13" s="98"/>
      <c r="K13" s="91"/>
      <c r="L13" s="98"/>
      <c r="M13" s="91"/>
      <c r="N13" s="98"/>
      <c r="O13" s="91"/>
      <c r="P13" s="98"/>
      <c r="Q13" s="91"/>
      <c r="R13" s="98"/>
      <c r="S13" s="91"/>
      <c r="T13" s="98"/>
      <c r="U13" s="91"/>
      <c r="V13" s="98"/>
      <c r="W13" s="91"/>
      <c r="X13" s="98"/>
      <c r="Y13" s="91"/>
      <c r="Z13" s="98"/>
      <c r="AA13" s="99"/>
    </row>
    <row r="14" spans="1:27" ht="12" customHeight="1">
      <c r="A14" s="90" t="s">
        <v>139</v>
      </c>
      <c r="B14" s="91"/>
      <c r="C14" s="109"/>
      <c r="D14" s="91"/>
      <c r="E14" s="94"/>
      <c r="F14" s="98"/>
      <c r="G14" s="91"/>
      <c r="H14" s="98"/>
      <c r="I14" s="91"/>
      <c r="J14" s="98"/>
      <c r="K14" s="91"/>
      <c r="L14" s="98"/>
      <c r="M14" s="91"/>
      <c r="N14" s="98"/>
      <c r="O14" s="91"/>
      <c r="P14" s="98"/>
      <c r="Q14" s="91"/>
      <c r="R14" s="98"/>
      <c r="S14" s="91"/>
      <c r="T14" s="98"/>
      <c r="U14" s="91"/>
      <c r="V14" s="98"/>
      <c r="W14" s="91"/>
      <c r="X14" s="98"/>
      <c r="Y14" s="91"/>
      <c r="Z14" s="98"/>
      <c r="AA14" s="99"/>
    </row>
    <row r="15" spans="1:27" ht="12" customHeight="1">
      <c r="A15" s="90"/>
      <c r="B15" s="91"/>
      <c r="C15" s="109"/>
      <c r="D15" s="91"/>
      <c r="E15" s="94"/>
      <c r="F15" s="98"/>
      <c r="G15" s="91"/>
      <c r="H15" s="98"/>
      <c r="I15" s="91"/>
      <c r="J15" s="98"/>
      <c r="K15" s="91"/>
      <c r="L15" s="98"/>
      <c r="M15" s="91"/>
      <c r="N15" s="98"/>
      <c r="O15" s="91"/>
      <c r="P15" s="98"/>
      <c r="Q15" s="91"/>
      <c r="R15" s="98"/>
      <c r="S15" s="91"/>
      <c r="T15" s="98"/>
      <c r="U15" s="91"/>
      <c r="V15" s="98"/>
      <c r="W15" s="91"/>
      <c r="X15" s="98"/>
      <c r="Y15" s="91"/>
      <c r="Z15" s="98"/>
      <c r="AA15" s="99"/>
    </row>
    <row r="16" spans="1:27" ht="12" customHeight="1">
      <c r="A16" s="90"/>
      <c r="B16" s="91"/>
      <c r="C16" s="109"/>
      <c r="D16" s="91"/>
      <c r="E16" s="94"/>
      <c r="F16" s="98"/>
      <c r="G16" s="91"/>
      <c r="H16" s="98"/>
      <c r="I16" s="91"/>
      <c r="J16" s="98"/>
      <c r="K16" s="91"/>
      <c r="L16" s="98"/>
      <c r="M16" s="91"/>
      <c r="N16" s="98"/>
      <c r="O16" s="91"/>
      <c r="P16" s="98"/>
      <c r="Q16" s="91"/>
      <c r="R16" s="98"/>
      <c r="S16" s="91"/>
      <c r="T16" s="98"/>
      <c r="U16" s="91"/>
      <c r="V16" s="98"/>
      <c r="W16" s="91"/>
      <c r="X16" s="98"/>
      <c r="Y16" s="91"/>
      <c r="Z16" s="98"/>
      <c r="AA16" s="99"/>
    </row>
    <row r="17" spans="1:27" ht="12" customHeight="1">
      <c r="A17" s="90"/>
      <c r="B17" s="91"/>
      <c r="C17" s="109"/>
      <c r="D17" s="91"/>
      <c r="E17" s="94"/>
      <c r="F17" s="98"/>
      <c r="G17" s="91"/>
      <c r="H17" s="98"/>
      <c r="I17" s="91"/>
      <c r="J17" s="98"/>
      <c r="K17" s="91"/>
      <c r="L17" s="98"/>
      <c r="M17" s="91"/>
      <c r="N17" s="98"/>
      <c r="O17" s="91"/>
      <c r="P17" s="98"/>
      <c r="Q17" s="91"/>
      <c r="R17" s="98"/>
      <c r="S17" s="91"/>
      <c r="T17" s="98"/>
      <c r="U17" s="91"/>
      <c r="V17" s="98"/>
      <c r="W17" s="91"/>
      <c r="X17" s="98"/>
      <c r="Y17" s="91"/>
      <c r="Z17" s="98"/>
      <c r="AA17" s="99"/>
    </row>
    <row r="18" spans="1:27" ht="12" customHeight="1">
      <c r="A18" s="90"/>
      <c r="B18" s="91"/>
      <c r="C18" s="109"/>
      <c r="D18" s="91"/>
      <c r="E18" s="94"/>
      <c r="F18" s="98"/>
      <c r="G18" s="91"/>
      <c r="H18" s="98"/>
      <c r="I18" s="91"/>
      <c r="J18" s="98"/>
      <c r="K18" s="91"/>
      <c r="L18" s="98"/>
      <c r="M18" s="91"/>
      <c r="N18" s="98"/>
      <c r="O18" s="91"/>
      <c r="P18" s="98"/>
      <c r="Q18" s="91"/>
      <c r="R18" s="98"/>
      <c r="S18" s="91"/>
      <c r="T18" s="98"/>
      <c r="U18" s="91"/>
      <c r="V18" s="98"/>
      <c r="W18" s="91"/>
      <c r="X18" s="98"/>
      <c r="Y18" s="91"/>
      <c r="Z18" s="98"/>
      <c r="AA18" s="99"/>
    </row>
    <row r="19" spans="1:27" ht="12" customHeight="1">
      <c r="A19" s="90"/>
      <c r="B19" s="91"/>
      <c r="C19" s="109"/>
      <c r="D19" s="91"/>
      <c r="E19" s="94"/>
      <c r="F19" s="98"/>
      <c r="G19" s="91"/>
      <c r="H19" s="98"/>
      <c r="I19" s="91"/>
      <c r="J19" s="98"/>
      <c r="K19" s="91"/>
      <c r="L19" s="98"/>
      <c r="M19" s="91"/>
      <c r="N19" s="98"/>
      <c r="O19" s="91"/>
      <c r="P19" s="98"/>
      <c r="Q19" s="91"/>
      <c r="R19" s="98"/>
      <c r="S19" s="91"/>
      <c r="T19" s="98"/>
      <c r="U19" s="91"/>
      <c r="V19" s="98"/>
      <c r="W19" s="91"/>
      <c r="X19" s="98"/>
      <c r="Y19" s="91"/>
      <c r="Z19" s="98"/>
      <c r="AA19" s="99"/>
    </row>
    <row r="20" spans="1:27" ht="12" customHeight="1">
      <c r="A20" s="90"/>
      <c r="B20" s="91"/>
      <c r="C20" s="109"/>
      <c r="D20" s="91"/>
      <c r="E20" s="94"/>
      <c r="F20" s="98"/>
      <c r="G20" s="91"/>
      <c r="H20" s="98"/>
      <c r="I20" s="91"/>
      <c r="J20" s="98"/>
      <c r="K20" s="91"/>
      <c r="L20" s="98"/>
      <c r="M20" s="91"/>
      <c r="N20" s="98"/>
      <c r="O20" s="91"/>
      <c r="P20" s="98"/>
      <c r="Q20" s="91"/>
      <c r="R20" s="98"/>
      <c r="S20" s="91"/>
      <c r="T20" s="98"/>
      <c r="U20" s="91"/>
      <c r="V20" s="98"/>
      <c r="W20" s="91"/>
      <c r="X20" s="98"/>
      <c r="Y20" s="91"/>
      <c r="Z20" s="98"/>
      <c r="AA20" s="99"/>
    </row>
    <row r="21" spans="1:27" ht="12" customHeight="1">
      <c r="A21" s="110"/>
      <c r="B21" s="91"/>
      <c r="C21" s="109"/>
      <c r="D21" s="91"/>
      <c r="E21" s="94"/>
      <c r="F21" s="98"/>
      <c r="G21" s="91"/>
      <c r="H21" s="98"/>
      <c r="I21" s="91"/>
      <c r="J21" s="98"/>
      <c r="K21" s="91"/>
      <c r="L21" s="98"/>
      <c r="M21" s="91"/>
      <c r="N21" s="98"/>
      <c r="O21" s="91"/>
      <c r="P21" s="98"/>
      <c r="Q21" s="91"/>
      <c r="R21" s="98"/>
      <c r="S21" s="91"/>
      <c r="T21" s="98"/>
      <c r="U21" s="91"/>
      <c r="V21" s="98"/>
      <c r="W21" s="91"/>
      <c r="X21" s="98"/>
      <c r="Y21" s="91"/>
      <c r="Z21" s="98"/>
      <c r="AA21" s="99"/>
    </row>
    <row r="22" spans="1:27" ht="12" customHeight="1">
      <c r="A22" s="110"/>
      <c r="B22" s="91"/>
      <c r="C22" s="109"/>
      <c r="D22" s="91"/>
      <c r="E22" s="94"/>
      <c r="F22" s="98"/>
      <c r="G22" s="91"/>
      <c r="H22" s="98"/>
      <c r="I22" s="91"/>
      <c r="J22" s="98"/>
      <c r="K22" s="91"/>
      <c r="L22" s="98"/>
      <c r="M22" s="91"/>
      <c r="N22" s="98"/>
      <c r="O22" s="91"/>
      <c r="P22" s="98"/>
      <c r="Q22" s="91"/>
      <c r="R22" s="98"/>
      <c r="S22" s="91"/>
      <c r="T22" s="98"/>
      <c r="U22" s="91"/>
      <c r="V22" s="98"/>
      <c r="W22" s="91"/>
      <c r="X22" s="98"/>
      <c r="Y22" s="91"/>
      <c r="Z22" s="98"/>
      <c r="AA22" s="99"/>
    </row>
    <row r="23" spans="1:27" ht="12" customHeight="1">
      <c r="A23" s="110"/>
      <c r="B23" s="91"/>
      <c r="C23" s="109"/>
      <c r="D23" s="91"/>
      <c r="E23" s="94"/>
      <c r="F23" s="98"/>
      <c r="G23" s="91"/>
      <c r="H23" s="98"/>
      <c r="I23" s="91"/>
      <c r="J23" s="98"/>
      <c r="K23" s="91"/>
      <c r="L23" s="98"/>
      <c r="M23" s="91"/>
      <c r="N23" s="98"/>
      <c r="O23" s="91"/>
      <c r="P23" s="98"/>
      <c r="Q23" s="91"/>
      <c r="R23" s="98"/>
      <c r="S23" s="91"/>
      <c r="T23" s="98"/>
      <c r="U23" s="91"/>
      <c r="V23" s="98"/>
      <c r="W23" s="91"/>
      <c r="X23" s="98"/>
      <c r="Y23" s="91"/>
      <c r="Z23" s="98"/>
      <c r="AA23" s="99"/>
    </row>
    <row r="24" spans="1:27" ht="12" customHeight="1">
      <c r="A24" s="110"/>
      <c r="B24" s="91"/>
      <c r="C24" s="109"/>
      <c r="D24" s="91"/>
      <c r="E24" s="94"/>
      <c r="F24" s="98"/>
      <c r="G24" s="91"/>
      <c r="H24" s="98"/>
      <c r="I24" s="91"/>
      <c r="J24" s="98"/>
      <c r="K24" s="91"/>
      <c r="L24" s="98"/>
      <c r="M24" s="91"/>
      <c r="N24" s="98"/>
      <c r="O24" s="91"/>
      <c r="P24" s="98"/>
      <c r="Q24" s="91"/>
      <c r="R24" s="98"/>
      <c r="S24" s="91"/>
      <c r="T24" s="98"/>
      <c r="U24" s="91"/>
      <c r="V24" s="98"/>
      <c r="W24" s="91"/>
      <c r="X24" s="98"/>
      <c r="Y24" s="91"/>
      <c r="Z24" s="98"/>
      <c r="AA24" s="99"/>
    </row>
    <row r="25" spans="1:27" ht="12" customHeight="1">
      <c r="A25" s="110"/>
      <c r="B25" s="91"/>
      <c r="C25" s="109"/>
      <c r="D25" s="91"/>
      <c r="E25" s="94"/>
      <c r="F25" s="98"/>
      <c r="G25" s="91"/>
      <c r="H25" s="98"/>
      <c r="I25" s="91"/>
      <c r="J25" s="98"/>
      <c r="K25" s="91"/>
      <c r="L25" s="98"/>
      <c r="M25" s="91"/>
      <c r="N25" s="98"/>
      <c r="O25" s="91"/>
      <c r="P25" s="98"/>
      <c r="Q25" s="91"/>
      <c r="R25" s="98"/>
      <c r="S25" s="91"/>
      <c r="T25" s="98"/>
      <c r="U25" s="91"/>
      <c r="V25" s="98"/>
      <c r="W25" s="91"/>
      <c r="X25" s="98"/>
      <c r="Y25" s="91"/>
      <c r="Z25" s="98"/>
      <c r="AA25" s="99"/>
    </row>
    <row r="26" spans="1:27" ht="12" customHeight="1">
      <c r="A26" s="110"/>
      <c r="B26" s="91"/>
      <c r="C26" s="109"/>
      <c r="D26" s="91"/>
      <c r="E26" s="94"/>
      <c r="F26" s="98"/>
      <c r="G26" s="91"/>
      <c r="H26" s="98"/>
      <c r="I26" s="91"/>
      <c r="J26" s="98"/>
      <c r="K26" s="91"/>
      <c r="L26" s="98"/>
      <c r="M26" s="91"/>
      <c r="N26" s="98"/>
      <c r="O26" s="91"/>
      <c r="P26" s="98"/>
      <c r="Q26" s="91"/>
      <c r="R26" s="98"/>
      <c r="S26" s="91"/>
      <c r="T26" s="98"/>
      <c r="U26" s="91"/>
      <c r="V26" s="98"/>
      <c r="W26" s="91"/>
      <c r="X26" s="98"/>
      <c r="Y26" s="91"/>
      <c r="Z26" s="98"/>
      <c r="AA26" s="99"/>
    </row>
    <row r="27" spans="1:27" ht="12" customHeight="1">
      <c r="A27" s="111"/>
      <c r="B27" s="103"/>
      <c r="C27" s="112"/>
      <c r="D27" s="103"/>
      <c r="E27" s="104"/>
      <c r="F27" s="105"/>
      <c r="G27" s="103"/>
      <c r="H27" s="105"/>
      <c r="I27" s="103"/>
      <c r="J27" s="105"/>
      <c r="K27" s="103"/>
      <c r="L27" s="105"/>
      <c r="M27" s="103"/>
      <c r="N27" s="105"/>
      <c r="O27" s="103"/>
      <c r="P27" s="105"/>
      <c r="Q27" s="103"/>
      <c r="R27" s="105"/>
      <c r="S27" s="103"/>
      <c r="T27" s="105"/>
      <c r="U27" s="103"/>
      <c r="V27" s="105"/>
      <c r="W27" s="103"/>
      <c r="X27" s="105"/>
      <c r="Y27" s="103"/>
      <c r="Z27" s="105"/>
      <c r="AA27" s="113"/>
    </row>
    <row r="28" spans="1:27" ht="12" customHeight="1">
      <c r="A28" s="108" t="s">
        <v>141</v>
      </c>
      <c r="B28" s="91"/>
      <c r="C28" s="109"/>
      <c r="D28" s="91"/>
      <c r="E28" s="94"/>
      <c r="F28" s="98"/>
      <c r="G28" s="91"/>
      <c r="H28" s="98"/>
      <c r="I28" s="91"/>
      <c r="J28" s="98"/>
      <c r="K28" s="91"/>
      <c r="L28" s="98"/>
      <c r="M28" s="91"/>
      <c r="N28" s="98"/>
      <c r="O28" s="91"/>
      <c r="P28" s="98"/>
      <c r="Q28" s="91"/>
      <c r="R28" s="98"/>
      <c r="S28" s="91"/>
      <c r="T28" s="98"/>
      <c r="U28" s="91"/>
      <c r="V28" s="98"/>
      <c r="W28" s="91"/>
      <c r="X28" s="98"/>
      <c r="Y28" s="91"/>
      <c r="Z28" s="98"/>
      <c r="AA28" s="99"/>
    </row>
    <row r="29" spans="1:27" ht="12" customHeight="1">
      <c r="A29" s="90" t="s">
        <v>142</v>
      </c>
      <c r="B29" s="91"/>
      <c r="C29" s="109"/>
      <c r="D29" s="91"/>
      <c r="E29" s="94"/>
      <c r="F29" s="98"/>
      <c r="G29" s="91"/>
      <c r="H29" s="98"/>
      <c r="I29" s="91"/>
      <c r="J29" s="98"/>
      <c r="K29" s="91"/>
      <c r="L29" s="98"/>
      <c r="M29" s="91"/>
      <c r="N29" s="98"/>
      <c r="O29" s="91"/>
      <c r="P29" s="98"/>
      <c r="Q29" s="91"/>
      <c r="R29" s="98"/>
      <c r="S29" s="91"/>
      <c r="T29" s="98"/>
      <c r="U29" s="91"/>
      <c r="V29" s="98"/>
      <c r="W29" s="91"/>
      <c r="X29" s="98"/>
      <c r="Y29" s="91"/>
      <c r="Z29" s="98"/>
      <c r="AA29" s="99"/>
    </row>
    <row r="30" spans="1:27" ht="12" customHeight="1">
      <c r="A30" s="90"/>
      <c r="B30" s="91"/>
      <c r="C30" s="109"/>
      <c r="D30" s="91"/>
      <c r="E30" s="94"/>
      <c r="F30" s="98"/>
      <c r="G30" s="91"/>
      <c r="H30" s="98"/>
      <c r="I30" s="91"/>
      <c r="J30" s="98"/>
      <c r="K30" s="91"/>
      <c r="L30" s="98"/>
      <c r="M30" s="91"/>
      <c r="N30" s="98"/>
      <c r="O30" s="91"/>
      <c r="P30" s="98"/>
      <c r="Q30" s="91"/>
      <c r="R30" s="98"/>
      <c r="S30" s="91"/>
      <c r="T30" s="98"/>
      <c r="U30" s="91"/>
      <c r="V30" s="98"/>
      <c r="W30" s="91"/>
      <c r="X30" s="98"/>
      <c r="Y30" s="91"/>
      <c r="Z30" s="98"/>
      <c r="AA30" s="99"/>
    </row>
    <row r="31" spans="1:27" ht="12" customHeight="1">
      <c r="A31" s="90" t="s">
        <v>143</v>
      </c>
      <c r="B31" s="91"/>
      <c r="C31" s="109"/>
      <c r="D31" s="91"/>
      <c r="E31" s="94"/>
      <c r="F31" s="98"/>
      <c r="G31" s="91"/>
      <c r="H31" s="98"/>
      <c r="I31" s="91"/>
      <c r="J31" s="98"/>
      <c r="K31" s="91"/>
      <c r="L31" s="98"/>
      <c r="M31" s="91"/>
      <c r="N31" s="98"/>
      <c r="O31" s="91"/>
      <c r="P31" s="98"/>
      <c r="Q31" s="91"/>
      <c r="R31" s="98"/>
      <c r="S31" s="91"/>
      <c r="T31" s="98"/>
      <c r="U31" s="91"/>
      <c r="V31" s="98"/>
      <c r="W31" s="91"/>
      <c r="X31" s="98"/>
      <c r="Y31" s="91"/>
      <c r="Z31" s="98"/>
      <c r="AA31" s="99"/>
    </row>
    <row r="32" spans="1:27" ht="12" customHeight="1">
      <c r="A32" s="90"/>
      <c r="B32" s="91"/>
      <c r="C32" s="109"/>
      <c r="D32" s="91"/>
      <c r="E32" s="94"/>
      <c r="F32" s="98"/>
      <c r="G32" s="91"/>
      <c r="H32" s="98"/>
      <c r="I32" s="91"/>
      <c r="J32" s="98"/>
      <c r="K32" s="91"/>
      <c r="L32" s="98"/>
      <c r="M32" s="91"/>
      <c r="N32" s="98"/>
      <c r="O32" s="91"/>
      <c r="P32" s="98"/>
      <c r="Q32" s="91"/>
      <c r="R32" s="98"/>
      <c r="S32" s="91"/>
      <c r="T32" s="98"/>
      <c r="U32" s="91"/>
      <c r="V32" s="98"/>
      <c r="W32" s="91"/>
      <c r="X32" s="98"/>
      <c r="Y32" s="91"/>
      <c r="Z32" s="98"/>
      <c r="AA32" s="99"/>
    </row>
    <row r="33" spans="1:27" ht="12" customHeight="1">
      <c r="A33" s="90"/>
      <c r="B33" s="91"/>
      <c r="C33" s="109"/>
      <c r="D33" s="91"/>
      <c r="E33" s="94"/>
      <c r="F33" s="98"/>
      <c r="G33" s="91"/>
      <c r="H33" s="98"/>
      <c r="I33" s="91"/>
      <c r="J33" s="98"/>
      <c r="K33" s="91"/>
      <c r="L33" s="98"/>
      <c r="M33" s="91"/>
      <c r="N33" s="98"/>
      <c r="O33" s="91"/>
      <c r="P33" s="98"/>
      <c r="Q33" s="91"/>
      <c r="R33" s="98"/>
      <c r="S33" s="91"/>
      <c r="T33" s="98"/>
      <c r="U33" s="91"/>
      <c r="V33" s="98"/>
      <c r="W33" s="91"/>
      <c r="X33" s="98"/>
      <c r="Y33" s="91"/>
      <c r="Z33" s="98"/>
      <c r="AA33" s="99"/>
    </row>
    <row r="34" spans="1:27" ht="12" customHeight="1">
      <c r="A34" s="90"/>
      <c r="B34" s="91"/>
      <c r="C34" s="109"/>
      <c r="D34" s="91"/>
      <c r="E34" s="94"/>
      <c r="F34" s="98"/>
      <c r="G34" s="91"/>
      <c r="H34" s="98"/>
      <c r="I34" s="91"/>
      <c r="J34" s="98"/>
      <c r="K34" s="91"/>
      <c r="L34" s="98"/>
      <c r="M34" s="91"/>
      <c r="N34" s="98"/>
      <c r="O34" s="91"/>
      <c r="P34" s="98"/>
      <c r="Q34" s="91"/>
      <c r="R34" s="98"/>
      <c r="S34" s="91"/>
      <c r="T34" s="98"/>
      <c r="U34" s="91"/>
      <c r="V34" s="98"/>
      <c r="W34" s="91"/>
      <c r="X34" s="98"/>
      <c r="Y34" s="91"/>
      <c r="Z34" s="98"/>
      <c r="AA34" s="99"/>
    </row>
    <row r="35" spans="1:27" ht="12" customHeight="1">
      <c r="A35" s="90"/>
      <c r="B35" s="91"/>
      <c r="C35" s="109"/>
      <c r="D35" s="91"/>
      <c r="E35" s="94"/>
      <c r="F35" s="98"/>
      <c r="G35" s="91"/>
      <c r="H35" s="98"/>
      <c r="I35" s="91"/>
      <c r="J35" s="98"/>
      <c r="K35" s="91"/>
      <c r="L35" s="98"/>
      <c r="M35" s="91"/>
      <c r="N35" s="98"/>
      <c r="O35" s="91"/>
      <c r="P35" s="98"/>
      <c r="Q35" s="91"/>
      <c r="R35" s="98"/>
      <c r="S35" s="91"/>
      <c r="T35" s="98"/>
      <c r="U35" s="91"/>
      <c r="V35" s="98"/>
      <c r="W35" s="91"/>
      <c r="X35" s="98"/>
      <c r="Y35" s="91"/>
      <c r="Z35" s="98"/>
      <c r="AA35" s="99"/>
    </row>
    <row r="36" spans="1:27" ht="12" customHeight="1">
      <c r="A36" s="90"/>
      <c r="B36" s="91"/>
      <c r="C36" s="109"/>
      <c r="D36" s="91"/>
      <c r="E36" s="94"/>
      <c r="F36" s="98"/>
      <c r="G36" s="91"/>
      <c r="H36" s="98"/>
      <c r="I36" s="91"/>
      <c r="J36" s="98"/>
      <c r="K36" s="91"/>
      <c r="L36" s="98"/>
      <c r="M36" s="91"/>
      <c r="N36" s="98"/>
      <c r="O36" s="91"/>
      <c r="P36" s="98"/>
      <c r="Q36" s="91"/>
      <c r="R36" s="98"/>
      <c r="S36" s="91"/>
      <c r="T36" s="98"/>
      <c r="U36" s="91"/>
      <c r="V36" s="98"/>
      <c r="W36" s="91"/>
      <c r="X36" s="98"/>
      <c r="Y36" s="91"/>
      <c r="Z36" s="98"/>
      <c r="AA36" s="99"/>
    </row>
    <row r="37" spans="1:27" ht="12" customHeight="1">
      <c r="A37" s="90"/>
      <c r="B37" s="91"/>
      <c r="C37" s="109"/>
      <c r="D37" s="91"/>
      <c r="E37" s="94"/>
      <c r="F37" s="98"/>
      <c r="G37" s="91"/>
      <c r="H37" s="98"/>
      <c r="I37" s="91"/>
      <c r="J37" s="98"/>
      <c r="K37" s="91"/>
      <c r="L37" s="98"/>
      <c r="M37" s="91"/>
      <c r="N37" s="98"/>
      <c r="O37" s="91"/>
      <c r="P37" s="98"/>
      <c r="Q37" s="91"/>
      <c r="R37" s="98"/>
      <c r="S37" s="91"/>
      <c r="T37" s="98"/>
      <c r="U37" s="91"/>
      <c r="V37" s="98"/>
      <c r="W37" s="91"/>
      <c r="X37" s="98"/>
      <c r="Y37" s="91"/>
      <c r="Z37" s="98"/>
      <c r="AA37" s="99"/>
    </row>
    <row r="38" spans="1:27" ht="12" customHeight="1">
      <c r="A38" s="90"/>
      <c r="B38" s="91"/>
      <c r="C38" s="109"/>
      <c r="D38" s="91"/>
      <c r="E38" s="94"/>
      <c r="F38" s="98"/>
      <c r="G38" s="91"/>
      <c r="H38" s="98"/>
      <c r="I38" s="91"/>
      <c r="J38" s="98"/>
      <c r="K38" s="91"/>
      <c r="L38" s="98"/>
      <c r="M38" s="91"/>
      <c r="N38" s="98"/>
      <c r="O38" s="91"/>
      <c r="P38" s="98"/>
      <c r="Q38" s="91"/>
      <c r="R38" s="98"/>
      <c r="S38" s="91"/>
      <c r="T38" s="98"/>
      <c r="U38" s="91"/>
      <c r="V38" s="98"/>
      <c r="W38" s="91"/>
      <c r="X38" s="98"/>
      <c r="Y38" s="91"/>
      <c r="Z38" s="98"/>
      <c r="AA38" s="99"/>
    </row>
    <row r="39" spans="1:27" ht="12" customHeight="1">
      <c r="A39" s="90"/>
      <c r="B39" s="91"/>
      <c r="C39" s="109"/>
      <c r="D39" s="91"/>
      <c r="E39" s="94"/>
      <c r="F39" s="98"/>
      <c r="G39" s="91"/>
      <c r="H39" s="98"/>
      <c r="I39" s="91"/>
      <c r="J39" s="98"/>
      <c r="K39" s="91"/>
      <c r="L39" s="98"/>
      <c r="M39" s="91"/>
      <c r="N39" s="98"/>
      <c r="O39" s="91"/>
      <c r="P39" s="98"/>
      <c r="Q39" s="91"/>
      <c r="R39" s="98"/>
      <c r="S39" s="91"/>
      <c r="T39" s="98"/>
      <c r="U39" s="91"/>
      <c r="V39" s="98"/>
      <c r="W39" s="91"/>
      <c r="X39" s="98"/>
      <c r="Y39" s="91"/>
      <c r="Z39" s="98"/>
      <c r="AA39" s="99"/>
    </row>
    <row r="40" spans="1:27" ht="12" customHeight="1">
      <c r="A40" s="90"/>
      <c r="B40" s="91"/>
      <c r="C40" s="109"/>
      <c r="D40" s="91"/>
      <c r="E40" s="94"/>
      <c r="F40" s="98"/>
      <c r="G40" s="91"/>
      <c r="H40" s="98"/>
      <c r="I40" s="91"/>
      <c r="J40" s="98"/>
      <c r="K40" s="91"/>
      <c r="L40" s="98"/>
      <c r="M40" s="91"/>
      <c r="N40" s="98"/>
      <c r="O40" s="91"/>
      <c r="P40" s="98"/>
      <c r="Q40" s="91"/>
      <c r="R40" s="98"/>
      <c r="S40" s="91"/>
      <c r="T40" s="98"/>
      <c r="U40" s="91"/>
      <c r="V40" s="98"/>
      <c r="W40" s="91"/>
      <c r="X40" s="98"/>
      <c r="Y40" s="91"/>
      <c r="Z40" s="98"/>
      <c r="AA40" s="99"/>
    </row>
    <row r="41" spans="1:27" ht="12" customHeight="1">
      <c r="A41" s="90"/>
      <c r="B41" s="91"/>
      <c r="C41" s="109"/>
      <c r="D41" s="91"/>
      <c r="E41" s="94"/>
      <c r="F41" s="98"/>
      <c r="G41" s="91"/>
      <c r="H41" s="98"/>
      <c r="I41" s="91"/>
      <c r="J41" s="98"/>
      <c r="K41" s="91"/>
      <c r="L41" s="98"/>
      <c r="M41" s="91"/>
      <c r="N41" s="98"/>
      <c r="O41" s="91"/>
      <c r="P41" s="98"/>
      <c r="Q41" s="91"/>
      <c r="R41" s="98"/>
      <c r="S41" s="91"/>
      <c r="T41" s="98"/>
      <c r="U41" s="91"/>
      <c r="V41" s="98"/>
      <c r="W41" s="91"/>
      <c r="X41" s="98"/>
      <c r="Y41" s="91"/>
      <c r="Z41" s="98"/>
      <c r="AA41" s="99"/>
    </row>
    <row r="42" spans="1:27" ht="12" customHeight="1">
      <c r="A42" s="100"/>
      <c r="B42" s="103"/>
      <c r="C42" s="112"/>
      <c r="D42" s="103"/>
      <c r="E42" s="104"/>
      <c r="F42" s="105"/>
      <c r="G42" s="103"/>
      <c r="H42" s="105"/>
      <c r="I42" s="103"/>
      <c r="J42" s="105"/>
      <c r="K42" s="103"/>
      <c r="L42" s="105"/>
      <c r="M42" s="103"/>
      <c r="N42" s="105"/>
      <c r="O42" s="103"/>
      <c r="P42" s="105"/>
      <c r="Q42" s="103"/>
      <c r="R42" s="105"/>
      <c r="S42" s="103"/>
      <c r="T42" s="105"/>
      <c r="U42" s="103"/>
      <c r="V42" s="105"/>
      <c r="W42" s="103"/>
      <c r="X42" s="105"/>
      <c r="Y42" s="103"/>
      <c r="Z42" s="105"/>
      <c r="AA42" s="113"/>
    </row>
    <row r="43" spans="1:27" ht="32.25" customHeight="1">
      <c r="A43" s="438" t="s">
        <v>144</v>
      </c>
      <c r="B43" s="438"/>
      <c r="C43" s="438"/>
      <c r="D43" s="438"/>
      <c r="E43" s="438"/>
      <c r="F43" s="438"/>
      <c r="G43" s="438"/>
      <c r="H43" s="438"/>
      <c r="I43" s="438"/>
      <c r="J43" s="438"/>
      <c r="K43" s="438"/>
      <c r="L43" s="438"/>
      <c r="M43" s="438"/>
      <c r="N43" s="438"/>
      <c r="O43" s="438"/>
      <c r="P43" s="438"/>
      <c r="Q43" s="438"/>
      <c r="R43" s="438"/>
      <c r="S43" s="438"/>
      <c r="T43" s="438"/>
      <c r="U43" s="438"/>
      <c r="V43" s="438"/>
      <c r="W43" s="438"/>
      <c r="X43" s="438"/>
      <c r="Y43" s="438"/>
      <c r="Z43" s="438"/>
      <c r="AA43" s="438"/>
    </row>
    <row r="44" spans="1:27" ht="15.75" customHeight="1">
      <c r="A44" s="114" t="s">
        <v>145</v>
      </c>
      <c r="B44" s="114"/>
      <c r="C44" s="114"/>
      <c r="D44" s="114"/>
      <c r="E44" s="114"/>
      <c r="F44" s="114"/>
      <c r="G44" s="114"/>
      <c r="H44" s="114"/>
      <c r="I44" s="114"/>
      <c r="J44" s="114"/>
      <c r="K44" s="114"/>
      <c r="L44" s="114"/>
      <c r="M44" s="114"/>
      <c r="N44" s="114"/>
      <c r="O44" s="114"/>
      <c r="P44" s="114"/>
      <c r="Q44" s="114"/>
      <c r="R44" s="114"/>
      <c r="S44" s="114"/>
      <c r="T44" s="114"/>
      <c r="U44" s="114"/>
      <c r="V44" s="114"/>
      <c r="W44" s="114"/>
      <c r="X44" s="114"/>
      <c r="Y44" s="114"/>
      <c r="Z44" s="114"/>
      <c r="AA44" s="114"/>
    </row>
    <row r="45" spans="1:27" ht="15.75" customHeight="1">
      <c r="A45" s="114"/>
    </row>
  </sheetData>
  <mergeCells count="14">
    <mergeCell ref="Z4:AA4"/>
    <mergeCell ref="A43:AA43"/>
    <mergeCell ref="N4:O4"/>
    <mergeCell ref="P4:Q4"/>
    <mergeCell ref="R4:S4"/>
    <mergeCell ref="T4:U4"/>
    <mergeCell ref="V4:W4"/>
    <mergeCell ref="X4:Y4"/>
    <mergeCell ref="B4:C4"/>
    <mergeCell ref="D4:E4"/>
    <mergeCell ref="F4:G4"/>
    <mergeCell ref="H4:I4"/>
    <mergeCell ref="J4:K4"/>
    <mergeCell ref="L4:M4"/>
  </mergeCells>
  <phoneticPr fontId="3"/>
  <pageMargins left="0.70866141732283472" right="0.70866141732283472" top="0.55118110236220474" bottom="0.55118110236220474" header="0.31496062992125984" footer="0.31496062992125984"/>
  <pageSetup paperSize="9"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H81"/>
  <sheetViews>
    <sheetView view="pageBreakPreview" zoomScale="85" zoomScaleNormal="100" zoomScaleSheetLayoutView="85" workbookViewId="0">
      <selection activeCell="C20" sqref="C20:H20"/>
    </sheetView>
  </sheetViews>
  <sheetFormatPr defaultRowHeight="13.5"/>
  <cols>
    <col min="1" max="1" width="11.375" style="4" customWidth="1"/>
    <col min="2" max="7" width="11.125" style="4" customWidth="1"/>
    <col min="8" max="8" width="12" style="4" customWidth="1"/>
    <col min="9" max="256" width="9" style="4"/>
    <col min="257" max="257" width="11.375" style="4" customWidth="1"/>
    <col min="258" max="263" width="11.125" style="4" customWidth="1"/>
    <col min="264" max="264" width="12" style="4" customWidth="1"/>
    <col min="265" max="512" width="9" style="4"/>
    <col min="513" max="513" width="11.375" style="4" customWidth="1"/>
    <col min="514" max="519" width="11.125" style="4" customWidth="1"/>
    <col min="520" max="520" width="12" style="4" customWidth="1"/>
    <col min="521" max="768" width="9" style="4"/>
    <col min="769" max="769" width="11.375" style="4" customWidth="1"/>
    <col min="770" max="775" width="11.125" style="4" customWidth="1"/>
    <col min="776" max="776" width="12" style="4" customWidth="1"/>
    <col min="777" max="1024" width="9" style="4"/>
    <col min="1025" max="1025" width="11.375" style="4" customWidth="1"/>
    <col min="1026" max="1031" width="11.125" style="4" customWidth="1"/>
    <col min="1032" max="1032" width="12" style="4" customWidth="1"/>
    <col min="1033" max="1280" width="9" style="4"/>
    <col min="1281" max="1281" width="11.375" style="4" customWidth="1"/>
    <col min="1282" max="1287" width="11.125" style="4" customWidth="1"/>
    <col min="1288" max="1288" width="12" style="4" customWidth="1"/>
    <col min="1289" max="1536" width="9" style="4"/>
    <col min="1537" max="1537" width="11.375" style="4" customWidth="1"/>
    <col min="1538" max="1543" width="11.125" style="4" customWidth="1"/>
    <col min="1544" max="1544" width="12" style="4" customWidth="1"/>
    <col min="1545" max="1792" width="9" style="4"/>
    <col min="1793" max="1793" width="11.375" style="4" customWidth="1"/>
    <col min="1794" max="1799" width="11.125" style="4" customWidth="1"/>
    <col min="1800" max="1800" width="12" style="4" customWidth="1"/>
    <col min="1801" max="2048" width="9" style="4"/>
    <col min="2049" max="2049" width="11.375" style="4" customWidth="1"/>
    <col min="2050" max="2055" width="11.125" style="4" customWidth="1"/>
    <col min="2056" max="2056" width="12" style="4" customWidth="1"/>
    <col min="2057" max="2304" width="9" style="4"/>
    <col min="2305" max="2305" width="11.375" style="4" customWidth="1"/>
    <col min="2306" max="2311" width="11.125" style="4" customWidth="1"/>
    <col min="2312" max="2312" width="12" style="4" customWidth="1"/>
    <col min="2313" max="2560" width="9" style="4"/>
    <col min="2561" max="2561" width="11.375" style="4" customWidth="1"/>
    <col min="2562" max="2567" width="11.125" style="4" customWidth="1"/>
    <col min="2568" max="2568" width="12" style="4" customWidth="1"/>
    <col min="2569" max="2816" width="9" style="4"/>
    <col min="2817" max="2817" width="11.375" style="4" customWidth="1"/>
    <col min="2818" max="2823" width="11.125" style="4" customWidth="1"/>
    <col min="2824" max="2824" width="12" style="4" customWidth="1"/>
    <col min="2825" max="3072" width="9" style="4"/>
    <col min="3073" max="3073" width="11.375" style="4" customWidth="1"/>
    <col min="3074" max="3079" width="11.125" style="4" customWidth="1"/>
    <col min="3080" max="3080" width="12" style="4" customWidth="1"/>
    <col min="3081" max="3328" width="9" style="4"/>
    <col min="3329" max="3329" width="11.375" style="4" customWidth="1"/>
    <col min="3330" max="3335" width="11.125" style="4" customWidth="1"/>
    <col min="3336" max="3336" width="12" style="4" customWidth="1"/>
    <col min="3337" max="3584" width="9" style="4"/>
    <col min="3585" max="3585" width="11.375" style="4" customWidth="1"/>
    <col min="3586" max="3591" width="11.125" style="4" customWidth="1"/>
    <col min="3592" max="3592" width="12" style="4" customWidth="1"/>
    <col min="3593" max="3840" width="9" style="4"/>
    <col min="3841" max="3841" width="11.375" style="4" customWidth="1"/>
    <col min="3842" max="3847" width="11.125" style="4" customWidth="1"/>
    <col min="3848" max="3848" width="12" style="4" customWidth="1"/>
    <col min="3849" max="4096" width="9" style="4"/>
    <col min="4097" max="4097" width="11.375" style="4" customWidth="1"/>
    <col min="4098" max="4103" width="11.125" style="4" customWidth="1"/>
    <col min="4104" max="4104" width="12" style="4" customWidth="1"/>
    <col min="4105" max="4352" width="9" style="4"/>
    <col min="4353" max="4353" width="11.375" style="4" customWidth="1"/>
    <col min="4354" max="4359" width="11.125" style="4" customWidth="1"/>
    <col min="4360" max="4360" width="12" style="4" customWidth="1"/>
    <col min="4361" max="4608" width="9" style="4"/>
    <col min="4609" max="4609" width="11.375" style="4" customWidth="1"/>
    <col min="4610" max="4615" width="11.125" style="4" customWidth="1"/>
    <col min="4616" max="4616" width="12" style="4" customWidth="1"/>
    <col min="4617" max="4864" width="9" style="4"/>
    <col min="4865" max="4865" width="11.375" style="4" customWidth="1"/>
    <col min="4866" max="4871" width="11.125" style="4" customWidth="1"/>
    <col min="4872" max="4872" width="12" style="4" customWidth="1"/>
    <col min="4873" max="5120" width="9" style="4"/>
    <col min="5121" max="5121" width="11.375" style="4" customWidth="1"/>
    <col min="5122" max="5127" width="11.125" style="4" customWidth="1"/>
    <col min="5128" max="5128" width="12" style="4" customWidth="1"/>
    <col min="5129" max="5376" width="9" style="4"/>
    <col min="5377" max="5377" width="11.375" style="4" customWidth="1"/>
    <col min="5378" max="5383" width="11.125" style="4" customWidth="1"/>
    <col min="5384" max="5384" width="12" style="4" customWidth="1"/>
    <col min="5385" max="5632" width="9" style="4"/>
    <col min="5633" max="5633" width="11.375" style="4" customWidth="1"/>
    <col min="5634" max="5639" width="11.125" style="4" customWidth="1"/>
    <col min="5640" max="5640" width="12" style="4" customWidth="1"/>
    <col min="5641" max="5888" width="9" style="4"/>
    <col min="5889" max="5889" width="11.375" style="4" customWidth="1"/>
    <col min="5890" max="5895" width="11.125" style="4" customWidth="1"/>
    <col min="5896" max="5896" width="12" style="4" customWidth="1"/>
    <col min="5897" max="6144" width="9" style="4"/>
    <col min="6145" max="6145" width="11.375" style="4" customWidth="1"/>
    <col min="6146" max="6151" width="11.125" style="4" customWidth="1"/>
    <col min="6152" max="6152" width="12" style="4" customWidth="1"/>
    <col min="6153" max="6400" width="9" style="4"/>
    <col min="6401" max="6401" width="11.375" style="4" customWidth="1"/>
    <col min="6402" max="6407" width="11.125" style="4" customWidth="1"/>
    <col min="6408" max="6408" width="12" style="4" customWidth="1"/>
    <col min="6409" max="6656" width="9" style="4"/>
    <col min="6657" max="6657" width="11.375" style="4" customWidth="1"/>
    <col min="6658" max="6663" width="11.125" style="4" customWidth="1"/>
    <col min="6664" max="6664" width="12" style="4" customWidth="1"/>
    <col min="6665" max="6912" width="9" style="4"/>
    <col min="6913" max="6913" width="11.375" style="4" customWidth="1"/>
    <col min="6914" max="6919" width="11.125" style="4" customWidth="1"/>
    <col min="6920" max="6920" width="12" style="4" customWidth="1"/>
    <col min="6921" max="7168" width="9" style="4"/>
    <col min="7169" max="7169" width="11.375" style="4" customWidth="1"/>
    <col min="7170" max="7175" width="11.125" style="4" customWidth="1"/>
    <col min="7176" max="7176" width="12" style="4" customWidth="1"/>
    <col min="7177" max="7424" width="9" style="4"/>
    <col min="7425" max="7425" width="11.375" style="4" customWidth="1"/>
    <col min="7426" max="7431" width="11.125" style="4" customWidth="1"/>
    <col min="7432" max="7432" width="12" style="4" customWidth="1"/>
    <col min="7433" max="7680" width="9" style="4"/>
    <col min="7681" max="7681" width="11.375" style="4" customWidth="1"/>
    <col min="7682" max="7687" width="11.125" style="4" customWidth="1"/>
    <col min="7688" max="7688" width="12" style="4" customWidth="1"/>
    <col min="7689" max="7936" width="9" style="4"/>
    <col min="7937" max="7937" width="11.375" style="4" customWidth="1"/>
    <col min="7938" max="7943" width="11.125" style="4" customWidth="1"/>
    <col min="7944" max="7944" width="12" style="4" customWidth="1"/>
    <col min="7945" max="8192" width="9" style="4"/>
    <col min="8193" max="8193" width="11.375" style="4" customWidth="1"/>
    <col min="8194" max="8199" width="11.125" style="4" customWidth="1"/>
    <col min="8200" max="8200" width="12" style="4" customWidth="1"/>
    <col min="8201" max="8448" width="9" style="4"/>
    <col min="8449" max="8449" width="11.375" style="4" customWidth="1"/>
    <col min="8450" max="8455" width="11.125" style="4" customWidth="1"/>
    <col min="8456" max="8456" width="12" style="4" customWidth="1"/>
    <col min="8457" max="8704" width="9" style="4"/>
    <col min="8705" max="8705" width="11.375" style="4" customWidth="1"/>
    <col min="8706" max="8711" width="11.125" style="4" customWidth="1"/>
    <col min="8712" max="8712" width="12" style="4" customWidth="1"/>
    <col min="8713" max="8960" width="9" style="4"/>
    <col min="8961" max="8961" width="11.375" style="4" customWidth="1"/>
    <col min="8962" max="8967" width="11.125" style="4" customWidth="1"/>
    <col min="8968" max="8968" width="12" style="4" customWidth="1"/>
    <col min="8969" max="9216" width="9" style="4"/>
    <col min="9217" max="9217" width="11.375" style="4" customWidth="1"/>
    <col min="9218" max="9223" width="11.125" style="4" customWidth="1"/>
    <col min="9224" max="9224" width="12" style="4" customWidth="1"/>
    <col min="9225" max="9472" width="9" style="4"/>
    <col min="9473" max="9473" width="11.375" style="4" customWidth="1"/>
    <col min="9474" max="9479" width="11.125" style="4" customWidth="1"/>
    <col min="9480" max="9480" width="12" style="4" customWidth="1"/>
    <col min="9481" max="9728" width="9" style="4"/>
    <col min="9729" max="9729" width="11.375" style="4" customWidth="1"/>
    <col min="9730" max="9735" width="11.125" style="4" customWidth="1"/>
    <col min="9736" max="9736" width="12" style="4" customWidth="1"/>
    <col min="9737" max="9984" width="9" style="4"/>
    <col min="9985" max="9985" width="11.375" style="4" customWidth="1"/>
    <col min="9986" max="9991" width="11.125" style="4" customWidth="1"/>
    <col min="9992" max="9992" width="12" style="4" customWidth="1"/>
    <col min="9993" max="10240" width="9" style="4"/>
    <col min="10241" max="10241" width="11.375" style="4" customWidth="1"/>
    <col min="10242" max="10247" width="11.125" style="4" customWidth="1"/>
    <col min="10248" max="10248" width="12" style="4" customWidth="1"/>
    <col min="10249" max="10496" width="9" style="4"/>
    <col min="10497" max="10497" width="11.375" style="4" customWidth="1"/>
    <col min="10498" max="10503" width="11.125" style="4" customWidth="1"/>
    <col min="10504" max="10504" width="12" style="4" customWidth="1"/>
    <col min="10505" max="10752" width="9" style="4"/>
    <col min="10753" max="10753" width="11.375" style="4" customWidth="1"/>
    <col min="10754" max="10759" width="11.125" style="4" customWidth="1"/>
    <col min="10760" max="10760" width="12" style="4" customWidth="1"/>
    <col min="10761" max="11008" width="9" style="4"/>
    <col min="11009" max="11009" width="11.375" style="4" customWidth="1"/>
    <col min="11010" max="11015" width="11.125" style="4" customWidth="1"/>
    <col min="11016" max="11016" width="12" style="4" customWidth="1"/>
    <col min="11017" max="11264" width="9" style="4"/>
    <col min="11265" max="11265" width="11.375" style="4" customWidth="1"/>
    <col min="11266" max="11271" width="11.125" style="4" customWidth="1"/>
    <col min="11272" max="11272" width="12" style="4" customWidth="1"/>
    <col min="11273" max="11520" width="9" style="4"/>
    <col min="11521" max="11521" width="11.375" style="4" customWidth="1"/>
    <col min="11522" max="11527" width="11.125" style="4" customWidth="1"/>
    <col min="11528" max="11528" width="12" style="4" customWidth="1"/>
    <col min="11529" max="11776" width="9" style="4"/>
    <col min="11777" max="11777" width="11.375" style="4" customWidth="1"/>
    <col min="11778" max="11783" width="11.125" style="4" customWidth="1"/>
    <col min="11784" max="11784" width="12" style="4" customWidth="1"/>
    <col min="11785" max="12032" width="9" style="4"/>
    <col min="12033" max="12033" width="11.375" style="4" customWidth="1"/>
    <col min="12034" max="12039" width="11.125" style="4" customWidth="1"/>
    <col min="12040" max="12040" width="12" style="4" customWidth="1"/>
    <col min="12041" max="12288" width="9" style="4"/>
    <col min="12289" max="12289" width="11.375" style="4" customWidth="1"/>
    <col min="12290" max="12295" width="11.125" style="4" customWidth="1"/>
    <col min="12296" max="12296" width="12" style="4" customWidth="1"/>
    <col min="12297" max="12544" width="9" style="4"/>
    <col min="12545" max="12545" width="11.375" style="4" customWidth="1"/>
    <col min="12546" max="12551" width="11.125" style="4" customWidth="1"/>
    <col min="12552" max="12552" width="12" style="4" customWidth="1"/>
    <col min="12553" max="12800" width="9" style="4"/>
    <col min="12801" max="12801" width="11.375" style="4" customWidth="1"/>
    <col min="12802" max="12807" width="11.125" style="4" customWidth="1"/>
    <col min="12808" max="12808" width="12" style="4" customWidth="1"/>
    <col min="12809" max="13056" width="9" style="4"/>
    <col min="13057" max="13057" width="11.375" style="4" customWidth="1"/>
    <col min="13058" max="13063" width="11.125" style="4" customWidth="1"/>
    <col min="13064" max="13064" width="12" style="4" customWidth="1"/>
    <col min="13065" max="13312" width="9" style="4"/>
    <col min="13313" max="13313" width="11.375" style="4" customWidth="1"/>
    <col min="13314" max="13319" width="11.125" style="4" customWidth="1"/>
    <col min="13320" max="13320" width="12" style="4" customWidth="1"/>
    <col min="13321" max="13568" width="9" style="4"/>
    <col min="13569" max="13569" width="11.375" style="4" customWidth="1"/>
    <col min="13570" max="13575" width="11.125" style="4" customWidth="1"/>
    <col min="13576" max="13576" width="12" style="4" customWidth="1"/>
    <col min="13577" max="13824" width="9" style="4"/>
    <col min="13825" max="13825" width="11.375" style="4" customWidth="1"/>
    <col min="13826" max="13831" width="11.125" style="4" customWidth="1"/>
    <col min="13832" max="13832" width="12" style="4" customWidth="1"/>
    <col min="13833" max="14080" width="9" style="4"/>
    <col min="14081" max="14081" width="11.375" style="4" customWidth="1"/>
    <col min="14082" max="14087" width="11.125" style="4" customWidth="1"/>
    <col min="14088" max="14088" width="12" style="4" customWidth="1"/>
    <col min="14089" max="14336" width="9" style="4"/>
    <col min="14337" max="14337" width="11.375" style="4" customWidth="1"/>
    <col min="14338" max="14343" width="11.125" style="4" customWidth="1"/>
    <col min="14344" max="14344" width="12" style="4" customWidth="1"/>
    <col min="14345" max="14592" width="9" style="4"/>
    <col min="14593" max="14593" width="11.375" style="4" customWidth="1"/>
    <col min="14594" max="14599" width="11.125" style="4" customWidth="1"/>
    <col min="14600" max="14600" width="12" style="4" customWidth="1"/>
    <col min="14601" max="14848" width="9" style="4"/>
    <col min="14849" max="14849" width="11.375" style="4" customWidth="1"/>
    <col min="14850" max="14855" width="11.125" style="4" customWidth="1"/>
    <col min="14856" max="14856" width="12" style="4" customWidth="1"/>
    <col min="14857" max="15104" width="9" style="4"/>
    <col min="15105" max="15105" width="11.375" style="4" customWidth="1"/>
    <col min="15106" max="15111" width="11.125" style="4" customWidth="1"/>
    <col min="15112" max="15112" width="12" style="4" customWidth="1"/>
    <col min="15113" max="15360" width="9" style="4"/>
    <col min="15361" max="15361" width="11.375" style="4" customWidth="1"/>
    <col min="15362" max="15367" width="11.125" style="4" customWidth="1"/>
    <col min="15368" max="15368" width="12" style="4" customWidth="1"/>
    <col min="15369" max="15616" width="9" style="4"/>
    <col min="15617" max="15617" width="11.375" style="4" customWidth="1"/>
    <col min="15618" max="15623" width="11.125" style="4" customWidth="1"/>
    <col min="15624" max="15624" width="12" style="4" customWidth="1"/>
    <col min="15625" max="15872" width="9" style="4"/>
    <col min="15873" max="15873" width="11.375" style="4" customWidth="1"/>
    <col min="15874" max="15879" width="11.125" style="4" customWidth="1"/>
    <col min="15880" max="15880" width="12" style="4" customWidth="1"/>
    <col min="15881" max="16128" width="9" style="4"/>
    <col min="16129" max="16129" width="11.375" style="4" customWidth="1"/>
    <col min="16130" max="16135" width="11.125" style="4" customWidth="1"/>
    <col min="16136" max="16136" width="12" style="4" customWidth="1"/>
    <col min="16137" max="16384" width="9" style="4"/>
  </cols>
  <sheetData>
    <row r="1" spans="1:8">
      <c r="A1" s="1" t="s">
        <v>129</v>
      </c>
    </row>
    <row r="2" spans="1:8" ht="21" customHeight="1">
      <c r="A2" s="462" t="s">
        <v>147</v>
      </c>
      <c r="B2" s="462"/>
      <c r="C2" s="462"/>
      <c r="D2" s="462"/>
      <c r="E2" s="462"/>
      <c r="F2" s="462"/>
      <c r="G2" s="462"/>
      <c r="H2" s="462"/>
    </row>
    <row r="3" spans="1:8" ht="15" customHeight="1">
      <c r="A3" s="115"/>
      <c r="B3" s="115"/>
    </row>
    <row r="4" spans="1:8" ht="21" customHeight="1">
      <c r="A4" s="116" t="s">
        <v>148</v>
      </c>
    </row>
    <row r="5" spans="1:8" s="6" customFormat="1" ht="30" customHeight="1">
      <c r="A5" s="57" t="s">
        <v>43</v>
      </c>
      <c r="B5" s="463"/>
      <c r="C5" s="463"/>
      <c r="D5" s="463"/>
      <c r="E5" s="117" t="s">
        <v>149</v>
      </c>
      <c r="F5" s="450"/>
      <c r="G5" s="450"/>
      <c r="H5" s="451"/>
    </row>
    <row r="6" spans="1:8" s="6" customFormat="1" ht="30" customHeight="1">
      <c r="A6" s="464" t="s">
        <v>150</v>
      </c>
      <c r="B6" s="422"/>
      <c r="C6" s="423"/>
      <c r="D6" s="465" t="s">
        <v>151</v>
      </c>
      <c r="E6" s="466"/>
      <c r="F6" s="466"/>
      <c r="G6" s="466"/>
      <c r="H6" s="467"/>
    </row>
    <row r="7" spans="1:8" s="6" customFormat="1" ht="30" customHeight="1">
      <c r="A7" s="56" t="s">
        <v>79</v>
      </c>
      <c r="B7" s="56" t="s">
        <v>94</v>
      </c>
      <c r="C7" s="56" t="s">
        <v>95</v>
      </c>
      <c r="D7" s="56" t="s">
        <v>96</v>
      </c>
      <c r="E7" s="56" t="s">
        <v>97</v>
      </c>
      <c r="F7" s="56" t="s">
        <v>98</v>
      </c>
      <c r="G7" s="57" t="s">
        <v>99</v>
      </c>
      <c r="H7" s="58" t="s">
        <v>100</v>
      </c>
    </row>
    <row r="8" spans="1:8" s="6" customFormat="1" ht="30" customHeight="1">
      <c r="A8" s="56" t="s">
        <v>101</v>
      </c>
      <c r="B8" s="118"/>
      <c r="C8" s="60"/>
      <c r="D8" s="60"/>
      <c r="E8" s="60"/>
      <c r="F8" s="60"/>
      <c r="G8" s="61"/>
      <c r="H8" s="62"/>
    </row>
    <row r="9" spans="1:8" s="6" customFormat="1" ht="21" customHeight="1">
      <c r="A9" s="119" t="s">
        <v>152</v>
      </c>
      <c r="B9" s="120"/>
      <c r="C9" s="120"/>
      <c r="D9" s="120"/>
      <c r="E9" s="121"/>
      <c r="F9" s="121"/>
      <c r="G9" s="121"/>
      <c r="H9" s="121"/>
    </row>
    <row r="10" spans="1:8" s="6" customFormat="1" ht="30" customHeight="1">
      <c r="A10" s="57" t="s">
        <v>31</v>
      </c>
      <c r="B10" s="444"/>
      <c r="C10" s="444"/>
      <c r="D10" s="444"/>
      <c r="E10" s="56" t="s">
        <v>153</v>
      </c>
      <c r="F10" s="445"/>
      <c r="G10" s="445"/>
      <c r="H10" s="445"/>
    </row>
    <row r="11" spans="1:8" s="6" customFormat="1" ht="30" customHeight="1">
      <c r="A11" s="57" t="s">
        <v>154</v>
      </c>
      <c r="B11" s="444"/>
      <c r="C11" s="444"/>
      <c r="D11" s="444"/>
      <c r="E11" s="56" t="s">
        <v>155</v>
      </c>
      <c r="F11" s="445"/>
      <c r="G11" s="445"/>
      <c r="H11" s="445"/>
    </row>
    <row r="12" spans="1:8" s="6" customFormat="1" ht="30" customHeight="1">
      <c r="A12" s="457" t="s">
        <v>156</v>
      </c>
      <c r="B12" s="122" t="s">
        <v>157</v>
      </c>
      <c r="C12" s="122"/>
      <c r="D12" s="122"/>
      <c r="E12" s="122"/>
      <c r="F12" s="122"/>
      <c r="G12" s="122"/>
      <c r="H12" s="123"/>
    </row>
    <row r="13" spans="1:8" s="6" customFormat="1" ht="30" customHeight="1">
      <c r="A13" s="468"/>
      <c r="B13" s="122" t="s">
        <v>158</v>
      </c>
      <c r="C13" s="122"/>
      <c r="D13" s="122"/>
      <c r="E13" s="122"/>
      <c r="F13" s="122"/>
      <c r="G13" s="122"/>
      <c r="H13" s="123"/>
    </row>
    <row r="14" spans="1:8" s="6" customFormat="1" ht="30" customHeight="1">
      <c r="A14" s="468"/>
      <c r="B14" s="122" t="s">
        <v>159</v>
      </c>
      <c r="C14" s="122"/>
      <c r="D14" s="122"/>
      <c r="E14" s="122"/>
      <c r="F14" s="122"/>
      <c r="G14" s="122"/>
      <c r="H14" s="123"/>
    </row>
    <row r="15" spans="1:8" s="6" customFormat="1" ht="30" customHeight="1">
      <c r="A15" s="458"/>
      <c r="B15" s="124" t="s">
        <v>160</v>
      </c>
      <c r="C15" s="124"/>
      <c r="D15" s="124"/>
      <c r="E15" s="124"/>
      <c r="F15" s="124"/>
      <c r="G15" s="124"/>
      <c r="H15" s="125"/>
    </row>
    <row r="16" spans="1:8" s="6" customFormat="1" ht="30" customHeight="1">
      <c r="A16" s="421" t="s">
        <v>161</v>
      </c>
      <c r="B16" s="423"/>
      <c r="C16" s="126" t="s">
        <v>162</v>
      </c>
      <c r="D16" s="126"/>
      <c r="E16" s="126"/>
      <c r="F16" s="126"/>
      <c r="G16" s="126"/>
      <c r="H16" s="127"/>
    </row>
    <row r="17" spans="1:8" s="6" customFormat="1" ht="30" customHeight="1">
      <c r="A17" s="448" t="s">
        <v>163</v>
      </c>
      <c r="B17" s="448"/>
      <c r="C17" s="444"/>
      <c r="D17" s="444"/>
      <c r="E17" s="128" t="s">
        <v>164</v>
      </c>
      <c r="F17" s="129"/>
      <c r="G17" s="59" t="s">
        <v>165</v>
      </c>
      <c r="H17" s="130"/>
    </row>
    <row r="18" spans="1:8" s="6" customFormat="1" ht="30" customHeight="1">
      <c r="A18" s="448" t="s">
        <v>166</v>
      </c>
      <c r="B18" s="448"/>
      <c r="C18" s="469" t="s">
        <v>167</v>
      </c>
      <c r="D18" s="469"/>
      <c r="E18" s="469"/>
      <c r="F18" s="128" t="s">
        <v>168</v>
      </c>
      <c r="G18" s="449" t="s">
        <v>169</v>
      </c>
      <c r="H18" s="449"/>
    </row>
    <row r="19" spans="1:8" s="6" customFormat="1" ht="16.5" customHeight="1">
      <c r="A19" s="409" t="s">
        <v>488</v>
      </c>
      <c r="B19" s="411"/>
      <c r="C19" s="470" t="s">
        <v>489</v>
      </c>
      <c r="D19" s="471"/>
      <c r="E19" s="471"/>
      <c r="F19" s="471"/>
      <c r="G19" s="471"/>
      <c r="H19" s="472"/>
    </row>
    <row r="20" spans="1:8" s="6" customFormat="1" ht="90" customHeight="1">
      <c r="A20" s="412"/>
      <c r="B20" s="414"/>
      <c r="C20" s="473"/>
      <c r="D20" s="474"/>
      <c r="E20" s="474"/>
      <c r="F20" s="474"/>
      <c r="G20" s="474"/>
      <c r="H20" s="475"/>
    </row>
    <row r="21" spans="1:8" s="6" customFormat="1" ht="30" customHeight="1">
      <c r="A21" s="421" t="s">
        <v>170</v>
      </c>
      <c r="B21" s="423"/>
      <c r="C21" s="446" t="s">
        <v>171</v>
      </c>
      <c r="D21" s="446"/>
      <c r="E21" s="446"/>
      <c r="F21" s="446"/>
      <c r="G21" s="446"/>
      <c r="H21" s="447"/>
    </row>
    <row r="22" spans="1:8" s="6" customFormat="1" ht="30" customHeight="1">
      <c r="A22" s="421" t="s">
        <v>172</v>
      </c>
      <c r="B22" s="423"/>
      <c r="C22" s="446"/>
      <c r="D22" s="446"/>
      <c r="E22" s="446"/>
      <c r="F22" s="446"/>
      <c r="G22" s="446"/>
      <c r="H22" s="447"/>
    </row>
    <row r="23" spans="1:8" s="6" customFormat="1" ht="21" customHeight="1">
      <c r="A23" s="119" t="s">
        <v>173</v>
      </c>
      <c r="B23" s="120"/>
      <c r="C23" s="120"/>
      <c r="D23" s="120"/>
      <c r="E23" s="120"/>
      <c r="F23" s="121"/>
      <c r="G23" s="121"/>
      <c r="H23" s="121"/>
    </row>
    <row r="24" spans="1:8" s="6" customFormat="1" ht="30" customHeight="1">
      <c r="A24" s="448" t="s">
        <v>174</v>
      </c>
      <c r="B24" s="448"/>
      <c r="C24" s="449"/>
      <c r="D24" s="449"/>
      <c r="E24" s="449"/>
      <c r="F24" s="56" t="s">
        <v>175</v>
      </c>
      <c r="G24" s="449"/>
      <c r="H24" s="449"/>
    </row>
    <row r="25" spans="1:8" s="6" customFormat="1" ht="15" customHeight="1">
      <c r="A25" s="457" t="s">
        <v>176</v>
      </c>
      <c r="B25" s="459" t="s">
        <v>177</v>
      </c>
      <c r="C25" s="460"/>
      <c r="D25" s="460"/>
      <c r="E25" s="461"/>
      <c r="F25" s="457" t="s">
        <v>178</v>
      </c>
      <c r="G25" s="476"/>
      <c r="H25" s="453"/>
    </row>
    <row r="26" spans="1:8" s="6" customFormat="1" ht="15" customHeight="1">
      <c r="A26" s="458"/>
      <c r="B26" s="479" t="s">
        <v>179</v>
      </c>
      <c r="C26" s="479"/>
      <c r="D26" s="479"/>
      <c r="E26" s="480"/>
      <c r="F26" s="458"/>
      <c r="G26" s="477"/>
      <c r="H26" s="478"/>
    </row>
    <row r="27" spans="1:8" s="6" customFormat="1" ht="30" customHeight="1">
      <c r="A27" s="457" t="s">
        <v>156</v>
      </c>
      <c r="B27" s="131" t="s">
        <v>180</v>
      </c>
      <c r="D27" s="131"/>
      <c r="E27" s="131"/>
      <c r="F27" s="131"/>
      <c r="G27" s="131"/>
      <c r="H27" s="132"/>
    </row>
    <row r="28" spans="1:8" s="6" customFormat="1" ht="30" customHeight="1">
      <c r="A28" s="468"/>
      <c r="B28" s="122" t="s">
        <v>181</v>
      </c>
      <c r="D28" s="122"/>
      <c r="E28" s="122"/>
      <c r="F28" s="122"/>
      <c r="G28" s="122"/>
      <c r="H28" s="133"/>
    </row>
    <row r="29" spans="1:8" s="6" customFormat="1" ht="30" customHeight="1">
      <c r="A29" s="468"/>
      <c r="B29" s="122" t="s">
        <v>182</v>
      </c>
      <c r="D29" s="122"/>
      <c r="E29" s="122"/>
      <c r="F29" s="122"/>
      <c r="G29" s="122"/>
      <c r="H29" s="133"/>
    </row>
    <row r="30" spans="1:8" s="6" customFormat="1" ht="30" customHeight="1">
      <c r="A30" s="458"/>
      <c r="B30" s="122" t="s">
        <v>183</v>
      </c>
      <c r="C30" s="122" t="s">
        <v>184</v>
      </c>
      <c r="D30" s="122"/>
      <c r="E30" s="122"/>
      <c r="F30" s="122"/>
      <c r="G30" s="122"/>
      <c r="H30" s="133"/>
    </row>
    <row r="31" spans="1:8" s="6" customFormat="1" ht="30" customHeight="1">
      <c r="A31" s="421" t="s">
        <v>185</v>
      </c>
      <c r="B31" s="423"/>
      <c r="C31" s="446" t="s">
        <v>186</v>
      </c>
      <c r="D31" s="446"/>
      <c r="E31" s="446"/>
      <c r="F31" s="128" t="s">
        <v>187</v>
      </c>
      <c r="G31" s="450"/>
      <c r="H31" s="451"/>
    </row>
    <row r="32" spans="1:8" s="6" customFormat="1" ht="30" customHeight="1">
      <c r="A32" s="117" t="s">
        <v>188</v>
      </c>
      <c r="B32" s="450"/>
      <c r="C32" s="450"/>
      <c r="D32" s="450"/>
      <c r="E32" s="117" t="s">
        <v>189</v>
      </c>
      <c r="F32" s="450"/>
      <c r="G32" s="450"/>
      <c r="H32" s="451"/>
    </row>
    <row r="33" spans="1:8" s="6" customFormat="1" ht="21" customHeight="1">
      <c r="A33" s="409" t="s">
        <v>190</v>
      </c>
      <c r="B33" s="411"/>
      <c r="C33" s="122" t="s">
        <v>191</v>
      </c>
      <c r="D33" s="134"/>
      <c r="E33" s="452"/>
      <c r="F33" s="452"/>
      <c r="G33" s="452"/>
      <c r="H33" s="453"/>
    </row>
    <row r="34" spans="1:8" s="6" customFormat="1" ht="21" customHeight="1">
      <c r="A34" s="412"/>
      <c r="B34" s="414"/>
      <c r="C34" s="454" t="s">
        <v>192</v>
      </c>
      <c r="D34" s="455"/>
      <c r="E34" s="455"/>
      <c r="F34" s="455"/>
      <c r="G34" s="455"/>
      <c r="H34" s="456"/>
    </row>
    <row r="35" spans="1:8" s="6" customFormat="1" ht="21" customHeight="1">
      <c r="A35" s="135" t="s">
        <v>193</v>
      </c>
      <c r="B35" s="136"/>
      <c r="C35" s="136"/>
      <c r="D35" s="136"/>
      <c r="E35" s="136"/>
      <c r="F35" s="137"/>
      <c r="G35" s="137"/>
      <c r="H35" s="121"/>
    </row>
    <row r="36" spans="1:8" s="6" customFormat="1" ht="30" customHeight="1">
      <c r="A36" s="56" t="s">
        <v>194</v>
      </c>
      <c r="B36" s="444"/>
      <c r="C36" s="444"/>
      <c r="D36" s="56" t="s">
        <v>195</v>
      </c>
      <c r="E36" s="129"/>
      <c r="F36" s="56" t="s">
        <v>196</v>
      </c>
      <c r="G36" s="481" t="s">
        <v>197</v>
      </c>
      <c r="H36" s="426"/>
    </row>
    <row r="37" spans="1:8" s="6" customFormat="1" ht="30" customHeight="1">
      <c r="A37" s="57" t="s">
        <v>198</v>
      </c>
      <c r="B37" s="424" t="s">
        <v>199</v>
      </c>
      <c r="C37" s="425"/>
      <c r="D37" s="426"/>
      <c r="E37" s="56" t="s">
        <v>200</v>
      </c>
      <c r="F37" s="482" t="s">
        <v>201</v>
      </c>
      <c r="G37" s="446"/>
      <c r="H37" s="447"/>
    </row>
    <row r="38" spans="1:8" s="6" customFormat="1" ht="21" customHeight="1">
      <c r="A38" s="138" t="s">
        <v>202</v>
      </c>
      <c r="B38" s="139"/>
      <c r="C38" s="139"/>
      <c r="D38" s="139"/>
      <c r="E38" s="120"/>
      <c r="F38" s="139"/>
      <c r="G38" s="139"/>
      <c r="H38" s="139"/>
    </row>
    <row r="39" spans="1:8" s="6" customFormat="1" ht="30" customHeight="1">
      <c r="A39" s="448" t="s">
        <v>203</v>
      </c>
      <c r="B39" s="448"/>
      <c r="C39" s="56" t="s">
        <v>204</v>
      </c>
      <c r="D39" s="117" t="s">
        <v>205</v>
      </c>
      <c r="E39" s="117" t="s">
        <v>206</v>
      </c>
      <c r="F39" s="448" t="s">
        <v>203</v>
      </c>
      <c r="G39" s="448"/>
      <c r="H39" s="56" t="s">
        <v>204</v>
      </c>
    </row>
    <row r="40" spans="1:8" s="6" customFormat="1" ht="30" customHeight="1">
      <c r="A40" s="448" t="s">
        <v>386</v>
      </c>
      <c r="B40" s="448"/>
      <c r="C40" s="140"/>
      <c r="D40" s="141"/>
      <c r="E40" s="142"/>
      <c r="F40" s="448" t="s">
        <v>207</v>
      </c>
      <c r="G40" s="448"/>
      <c r="H40" s="140"/>
    </row>
    <row r="41" spans="1:8" s="6" customFormat="1" ht="30" customHeight="1">
      <c r="A41" s="448" t="s">
        <v>387</v>
      </c>
      <c r="B41" s="448"/>
      <c r="C41" s="140"/>
      <c r="D41" s="141"/>
      <c r="E41" s="142"/>
      <c r="F41" s="448" t="s">
        <v>208</v>
      </c>
      <c r="G41" s="448"/>
      <c r="H41" s="140"/>
    </row>
    <row r="42" spans="1:8" s="6" customFormat="1" ht="30" customHeight="1">
      <c r="A42" s="448" t="s">
        <v>388</v>
      </c>
      <c r="B42" s="448"/>
      <c r="C42" s="140"/>
      <c r="D42" s="141"/>
      <c r="E42" s="142"/>
      <c r="F42" s="448" t="s">
        <v>209</v>
      </c>
      <c r="G42" s="448"/>
      <c r="H42" s="140"/>
    </row>
    <row r="43" spans="1:8" s="6" customFormat="1" ht="30" customHeight="1">
      <c r="A43" s="448" t="s">
        <v>389</v>
      </c>
      <c r="B43" s="448"/>
      <c r="C43" s="140"/>
      <c r="D43" s="141"/>
      <c r="E43" s="142"/>
      <c r="F43" s="448" t="s">
        <v>210</v>
      </c>
      <c r="G43" s="448"/>
      <c r="H43" s="140"/>
    </row>
    <row r="44" spans="1:8" s="6" customFormat="1" ht="30" customHeight="1">
      <c r="A44" s="448" t="s">
        <v>390</v>
      </c>
      <c r="B44" s="448"/>
      <c r="C44" s="140"/>
      <c r="D44" s="141"/>
      <c r="E44" s="142"/>
      <c r="F44" s="448" t="s">
        <v>211</v>
      </c>
      <c r="G44" s="448"/>
      <c r="H44" s="140"/>
    </row>
    <row r="45" spans="1:8" s="6" customFormat="1" ht="30" customHeight="1">
      <c r="A45" s="448" t="s">
        <v>391</v>
      </c>
      <c r="B45" s="448"/>
      <c r="C45" s="140"/>
      <c r="D45" s="141"/>
      <c r="E45" s="142"/>
      <c r="F45" s="448" t="s">
        <v>212</v>
      </c>
      <c r="G45" s="448"/>
      <c r="H45" s="140"/>
    </row>
    <row r="46" spans="1:8" s="6" customFormat="1" ht="30" customHeight="1">
      <c r="A46" s="448" t="s">
        <v>392</v>
      </c>
      <c r="B46" s="448"/>
      <c r="C46" s="140"/>
      <c r="D46" s="141"/>
      <c r="E46" s="142"/>
      <c r="F46" s="448" t="s">
        <v>213</v>
      </c>
      <c r="G46" s="448"/>
      <c r="H46" s="140"/>
    </row>
    <row r="47" spans="1:8" s="6" customFormat="1" ht="30" customHeight="1" thickBot="1">
      <c r="A47" s="421" t="s">
        <v>214</v>
      </c>
      <c r="B47" s="423"/>
      <c r="C47" s="140"/>
      <c r="D47" s="143"/>
      <c r="E47" s="143"/>
      <c r="F47" s="409" t="s">
        <v>9</v>
      </c>
      <c r="G47" s="411"/>
      <c r="H47" s="144"/>
    </row>
    <row r="48" spans="1:8" s="6" customFormat="1" ht="30" customHeight="1" thickTop="1">
      <c r="A48" s="421" t="s">
        <v>215</v>
      </c>
      <c r="B48" s="423"/>
      <c r="C48" s="140"/>
      <c r="D48" s="143"/>
      <c r="E48" s="143"/>
      <c r="F48" s="483" t="s">
        <v>118</v>
      </c>
      <c r="G48" s="484"/>
      <c r="H48" s="145"/>
    </row>
    <row r="49" spans="1:8" s="6" customFormat="1" ht="21" customHeight="1">
      <c r="A49" s="146" t="s">
        <v>216</v>
      </c>
      <c r="B49" s="147"/>
      <c r="C49" s="120"/>
      <c r="D49" s="120"/>
      <c r="E49" s="120"/>
      <c r="F49" s="147"/>
      <c r="G49" s="147"/>
      <c r="H49" s="120"/>
    </row>
    <row r="50" spans="1:8" s="6" customFormat="1" ht="30" customHeight="1">
      <c r="A50" s="59" t="s">
        <v>217</v>
      </c>
      <c r="B50" s="446" t="s">
        <v>218</v>
      </c>
      <c r="C50" s="446"/>
      <c r="D50" s="446"/>
      <c r="E50" s="446"/>
      <c r="F50" s="446"/>
      <c r="G50" s="446"/>
      <c r="H50" s="447"/>
    </row>
    <row r="51" spans="1:8" s="6" customFormat="1" ht="30" customHeight="1">
      <c r="A51" s="448" t="s">
        <v>219</v>
      </c>
      <c r="B51" s="448"/>
      <c r="C51" s="448"/>
      <c r="D51" s="487"/>
      <c r="E51" s="487"/>
      <c r="F51" s="117" t="s">
        <v>220</v>
      </c>
      <c r="G51" s="488"/>
      <c r="H51" s="489"/>
    </row>
    <row r="52" spans="1:8" s="6" customFormat="1" ht="30" customHeight="1">
      <c r="A52" s="490" t="s">
        <v>221</v>
      </c>
      <c r="B52" s="490"/>
      <c r="C52" s="148" t="s">
        <v>222</v>
      </c>
      <c r="D52" s="464" t="s">
        <v>223</v>
      </c>
      <c r="E52" s="491"/>
      <c r="F52" s="492"/>
      <c r="G52" s="493"/>
      <c r="H52" s="494"/>
    </row>
    <row r="53" spans="1:8" s="6" customFormat="1" ht="21" customHeight="1">
      <c r="A53" s="149" t="s">
        <v>224</v>
      </c>
      <c r="B53" s="150"/>
      <c r="C53" s="120"/>
      <c r="D53" s="121"/>
      <c r="E53" s="121"/>
      <c r="F53" s="120"/>
      <c r="G53" s="121"/>
      <c r="H53" s="121"/>
    </row>
    <row r="54" spans="1:8" s="6" customFormat="1" ht="30" customHeight="1">
      <c r="A54" s="117" t="s">
        <v>225</v>
      </c>
      <c r="B54" s="425" t="s">
        <v>226</v>
      </c>
      <c r="C54" s="425"/>
      <c r="D54" s="425"/>
      <c r="E54" s="117" t="s">
        <v>227</v>
      </c>
      <c r="F54" s="424" t="s">
        <v>228</v>
      </c>
      <c r="G54" s="425"/>
      <c r="H54" s="426"/>
    </row>
    <row r="55" spans="1:8" s="6" customFormat="1" ht="30" customHeight="1">
      <c r="A55" s="485" t="s">
        <v>229</v>
      </c>
      <c r="B55" s="486"/>
      <c r="C55" s="279" t="s">
        <v>230</v>
      </c>
      <c r="D55" s="279"/>
      <c r="E55" s="279"/>
      <c r="F55" s="279"/>
      <c r="G55" s="279"/>
      <c r="H55" s="279"/>
    </row>
    <row r="56" spans="1:8" s="6" customFormat="1" ht="30" customHeight="1">
      <c r="A56" s="151" t="s">
        <v>231</v>
      </c>
      <c r="B56" s="295" t="s">
        <v>393</v>
      </c>
      <c r="C56" s="295"/>
      <c r="D56" s="295"/>
      <c r="E56" s="128" t="s">
        <v>232</v>
      </c>
      <c r="F56" s="295" t="s">
        <v>233</v>
      </c>
      <c r="G56" s="295"/>
      <c r="H56" s="295"/>
    </row>
    <row r="57" spans="1:8" s="155" customFormat="1" ht="16.5" customHeight="1">
      <c r="A57" s="439" t="s">
        <v>378</v>
      </c>
      <c r="B57" s="440" t="s">
        <v>377</v>
      </c>
      <c r="C57" s="440"/>
      <c r="D57" s="440"/>
      <c r="E57" s="440"/>
      <c r="F57" s="440"/>
      <c r="G57" s="440"/>
      <c r="H57" s="440"/>
    </row>
    <row r="58" spans="1:8" s="6" customFormat="1" ht="39" customHeight="1">
      <c r="A58" s="439"/>
      <c r="B58" s="441"/>
      <c r="C58" s="441"/>
      <c r="D58" s="441"/>
      <c r="E58" s="441"/>
      <c r="F58" s="441"/>
      <c r="G58" s="441"/>
      <c r="H58" s="441"/>
    </row>
    <row r="59" spans="1:8" s="6" customFormat="1" ht="39" customHeight="1">
      <c r="A59" s="439"/>
      <c r="B59" s="442"/>
      <c r="C59" s="442"/>
      <c r="D59" s="442"/>
      <c r="E59" s="442"/>
      <c r="F59" s="442"/>
      <c r="G59" s="442"/>
      <c r="H59" s="442"/>
    </row>
    <row r="60" spans="1:8" s="6" customFormat="1" ht="15.75" customHeight="1">
      <c r="A60" s="439"/>
      <c r="B60" s="443" t="s">
        <v>379</v>
      </c>
      <c r="C60" s="443"/>
      <c r="D60" s="443"/>
      <c r="E60" s="443"/>
      <c r="F60" s="443"/>
      <c r="G60" s="443"/>
      <c r="H60" s="443"/>
    </row>
    <row r="61" spans="1:8" s="6" customFormat="1" ht="39" customHeight="1">
      <c r="A61" s="439"/>
      <c r="B61" s="441"/>
      <c r="C61" s="441"/>
      <c r="D61" s="441"/>
      <c r="E61" s="441"/>
      <c r="F61" s="441"/>
      <c r="G61" s="441"/>
      <c r="H61" s="441"/>
    </row>
    <row r="62" spans="1:8" s="6" customFormat="1" ht="39" customHeight="1">
      <c r="A62" s="439"/>
      <c r="B62" s="442"/>
      <c r="C62" s="442"/>
      <c r="D62" s="442"/>
      <c r="E62" s="442"/>
      <c r="F62" s="442"/>
      <c r="G62" s="442"/>
      <c r="H62" s="442"/>
    </row>
    <row r="63" spans="1:8" s="6" customFormat="1" ht="21.75" customHeight="1">
      <c r="A63" s="152" t="s">
        <v>234</v>
      </c>
      <c r="B63" s="153"/>
      <c r="C63" s="153"/>
      <c r="D63" s="153"/>
      <c r="E63" s="154"/>
      <c r="F63" s="153"/>
      <c r="G63" s="153"/>
      <c r="H63" s="153"/>
    </row>
    <row r="64" spans="1:8" s="6" customFormat="1" ht="21" customHeight="1">
      <c r="A64" s="156" t="s">
        <v>235</v>
      </c>
      <c r="B64" s="157"/>
      <c r="C64" s="61" t="s">
        <v>236</v>
      </c>
      <c r="D64" s="126"/>
      <c r="E64" s="126"/>
      <c r="F64" s="126"/>
      <c r="G64" s="126"/>
      <c r="H64" s="127"/>
    </row>
    <row r="65" spans="1:8" s="6" customFormat="1" ht="32.25" customHeight="1">
      <c r="A65" s="156" t="s">
        <v>237</v>
      </c>
      <c r="B65" s="157"/>
      <c r="C65" s="495" t="s">
        <v>238</v>
      </c>
      <c r="D65" s="496"/>
      <c r="E65" s="496"/>
      <c r="F65" s="496"/>
      <c r="G65" s="496"/>
      <c r="H65" s="497"/>
    </row>
    <row r="66" spans="1:8" s="6" customFormat="1" ht="15" customHeight="1">
      <c r="A66" s="156" t="s">
        <v>239</v>
      </c>
      <c r="B66" s="157"/>
      <c r="C66" s="61" t="s">
        <v>240</v>
      </c>
      <c r="D66" s="126"/>
      <c r="E66" s="126"/>
      <c r="F66" s="126"/>
      <c r="G66" s="126"/>
      <c r="H66" s="127"/>
    </row>
    <row r="67" spans="1:8" s="6" customFormat="1" ht="30" customHeight="1">
      <c r="A67" s="156" t="s">
        <v>241</v>
      </c>
      <c r="B67" s="157"/>
      <c r="C67" s="495" t="s">
        <v>242</v>
      </c>
      <c r="D67" s="446"/>
      <c r="E67" s="446"/>
      <c r="F67" s="446"/>
      <c r="G67" s="446"/>
      <c r="H67" s="447"/>
    </row>
    <row r="68" spans="1:8" s="6" customFormat="1" ht="15" customHeight="1">
      <c r="A68" s="156" t="s">
        <v>243</v>
      </c>
      <c r="B68" s="157"/>
      <c r="C68" s="61" t="s">
        <v>244</v>
      </c>
      <c r="D68" s="126"/>
      <c r="E68" s="126"/>
      <c r="F68" s="126"/>
      <c r="G68" s="126"/>
      <c r="H68" s="127"/>
    </row>
    <row r="69" spans="1:8" s="6" customFormat="1" ht="15" customHeight="1">
      <c r="A69" s="498" t="s">
        <v>245</v>
      </c>
      <c r="B69" s="499"/>
      <c r="C69" s="502" t="s">
        <v>246</v>
      </c>
      <c r="D69" s="503"/>
      <c r="E69" s="503"/>
      <c r="F69" s="503"/>
      <c r="G69" s="503"/>
      <c r="H69" s="504"/>
    </row>
    <row r="70" spans="1:8" s="6" customFormat="1" ht="30" customHeight="1">
      <c r="A70" s="500"/>
      <c r="B70" s="501"/>
      <c r="C70" s="505" t="s">
        <v>247</v>
      </c>
      <c r="D70" s="506"/>
      <c r="E70" s="506"/>
      <c r="F70" s="506"/>
      <c r="G70" s="506"/>
      <c r="H70" s="507"/>
    </row>
    <row r="71" spans="1:8" s="6" customFormat="1" ht="30" customHeight="1">
      <c r="A71" s="498" t="s">
        <v>248</v>
      </c>
      <c r="B71" s="508"/>
      <c r="C71" s="502" t="s">
        <v>249</v>
      </c>
      <c r="D71" s="503"/>
      <c r="E71" s="503"/>
      <c r="F71" s="503"/>
      <c r="G71" s="503"/>
      <c r="H71" s="504"/>
    </row>
    <row r="72" spans="1:8" s="6" customFormat="1" ht="30" customHeight="1">
      <c r="A72" s="509"/>
      <c r="B72" s="510"/>
      <c r="C72" s="513" t="s">
        <v>250</v>
      </c>
      <c r="D72" s="514"/>
      <c r="E72" s="514"/>
      <c r="F72" s="514"/>
      <c r="G72" s="514"/>
      <c r="H72" s="515"/>
    </row>
    <row r="73" spans="1:8" s="6" customFormat="1" ht="30" customHeight="1">
      <c r="A73" s="509"/>
      <c r="B73" s="510"/>
      <c r="C73" s="513" t="s">
        <v>251</v>
      </c>
      <c r="D73" s="514"/>
      <c r="E73" s="514"/>
      <c r="F73" s="514"/>
      <c r="G73" s="514"/>
      <c r="H73" s="515"/>
    </row>
    <row r="74" spans="1:8" s="6" customFormat="1" ht="30" customHeight="1">
      <c r="A74" s="511"/>
      <c r="B74" s="512"/>
      <c r="C74" s="505" t="s">
        <v>252</v>
      </c>
      <c r="D74" s="506"/>
      <c r="E74" s="506"/>
      <c r="F74" s="506"/>
      <c r="G74" s="506"/>
      <c r="H74" s="507"/>
    </row>
    <row r="75" spans="1:8" s="155" customFormat="1" ht="21" customHeight="1">
      <c r="A75" s="516" t="s">
        <v>253</v>
      </c>
      <c r="B75" s="517"/>
      <c r="C75" s="482" t="s">
        <v>254</v>
      </c>
      <c r="D75" s="446"/>
      <c r="E75" s="446"/>
      <c r="F75" s="446"/>
      <c r="G75" s="446"/>
      <c r="H75" s="447"/>
    </row>
    <row r="76" spans="1:8" s="6" customFormat="1" ht="30" customHeight="1">
      <c r="A76" s="516" t="s">
        <v>255</v>
      </c>
      <c r="B76" s="517"/>
      <c r="C76" s="482" t="s">
        <v>256</v>
      </c>
      <c r="D76" s="446"/>
      <c r="E76" s="446"/>
      <c r="F76" s="446"/>
      <c r="G76" s="446"/>
      <c r="H76" s="447"/>
    </row>
    <row r="77" spans="1:8" s="6" customFormat="1" ht="30" customHeight="1">
      <c r="A77" s="516" t="s">
        <v>257</v>
      </c>
      <c r="B77" s="517"/>
      <c r="C77" s="482" t="s">
        <v>258</v>
      </c>
      <c r="D77" s="446"/>
      <c r="E77" s="446"/>
      <c r="F77" s="446"/>
      <c r="G77" s="446"/>
      <c r="H77" s="447"/>
    </row>
    <row r="78" spans="1:8" ht="27" customHeight="1">
      <c r="A78" s="516" t="s">
        <v>259</v>
      </c>
      <c r="B78" s="517"/>
      <c r="C78" s="482" t="s">
        <v>260</v>
      </c>
      <c r="D78" s="446"/>
      <c r="E78" s="446"/>
      <c r="F78" s="446"/>
      <c r="G78" s="446"/>
      <c r="H78" s="447"/>
    </row>
    <row r="79" spans="1:8" ht="24" customHeight="1">
      <c r="A79" s="158" t="s">
        <v>261</v>
      </c>
      <c r="B79" s="159"/>
      <c r="C79" s="160"/>
      <c r="D79" s="160"/>
      <c r="E79" s="160"/>
      <c r="F79" s="160"/>
      <c r="G79" s="160"/>
      <c r="H79" s="160"/>
    </row>
    <row r="80" spans="1:8" ht="21.75" customHeight="1">
      <c r="A80" s="516" t="s">
        <v>8</v>
      </c>
      <c r="B80" s="517"/>
      <c r="C80" s="482" t="s">
        <v>396</v>
      </c>
      <c r="D80" s="446"/>
      <c r="E80" s="446"/>
      <c r="F80" s="446"/>
      <c r="G80" s="446"/>
      <c r="H80" s="447"/>
    </row>
    <row r="81" spans="1:8" ht="21.75" customHeight="1">
      <c r="A81" s="516" t="s">
        <v>262</v>
      </c>
      <c r="B81" s="517"/>
      <c r="C81" s="482" t="s">
        <v>263</v>
      </c>
      <c r="D81" s="446"/>
      <c r="E81" s="446"/>
      <c r="F81" s="446"/>
      <c r="G81" s="446"/>
      <c r="H81" s="447"/>
    </row>
  </sheetData>
  <mergeCells count="104">
    <mergeCell ref="A80:B80"/>
    <mergeCell ref="C80:H80"/>
    <mergeCell ref="A81:B81"/>
    <mergeCell ref="C81:H81"/>
    <mergeCell ref="A77:B77"/>
    <mergeCell ref="C77:H77"/>
    <mergeCell ref="A78:B78"/>
    <mergeCell ref="C78:H78"/>
    <mergeCell ref="A75:B75"/>
    <mergeCell ref="C75:H75"/>
    <mergeCell ref="A76:B76"/>
    <mergeCell ref="C76:H76"/>
    <mergeCell ref="C65:H65"/>
    <mergeCell ref="C67:H67"/>
    <mergeCell ref="A69:B70"/>
    <mergeCell ref="C69:H69"/>
    <mergeCell ref="C70:H70"/>
    <mergeCell ref="A71:B74"/>
    <mergeCell ref="C71:H71"/>
    <mergeCell ref="C72:H72"/>
    <mergeCell ref="C73:H73"/>
    <mergeCell ref="C74:H74"/>
    <mergeCell ref="B54:D54"/>
    <mergeCell ref="F54:H54"/>
    <mergeCell ref="A55:B55"/>
    <mergeCell ref="C55:H55"/>
    <mergeCell ref="B56:D56"/>
    <mergeCell ref="F56:H56"/>
    <mergeCell ref="B50:H50"/>
    <mergeCell ref="A51:C51"/>
    <mergeCell ref="D51:E51"/>
    <mergeCell ref="G51:H51"/>
    <mergeCell ref="A52:B52"/>
    <mergeCell ref="D52:E52"/>
    <mergeCell ref="F52:H52"/>
    <mergeCell ref="A46:B46"/>
    <mergeCell ref="F46:G46"/>
    <mergeCell ref="A47:B47"/>
    <mergeCell ref="F47:G47"/>
    <mergeCell ref="A48:B48"/>
    <mergeCell ref="F48:G48"/>
    <mergeCell ref="A43:B43"/>
    <mergeCell ref="F43:G43"/>
    <mergeCell ref="A44:B44"/>
    <mergeCell ref="F44:G44"/>
    <mergeCell ref="A45:B45"/>
    <mergeCell ref="F45:G45"/>
    <mergeCell ref="F25:F26"/>
    <mergeCell ref="G25:H26"/>
    <mergeCell ref="B26:E26"/>
    <mergeCell ref="A27:A30"/>
    <mergeCell ref="A40:B40"/>
    <mergeCell ref="F40:G40"/>
    <mergeCell ref="A41:B41"/>
    <mergeCell ref="F41:G41"/>
    <mergeCell ref="A42:B42"/>
    <mergeCell ref="F42:G42"/>
    <mergeCell ref="B36:C36"/>
    <mergeCell ref="G36:H36"/>
    <mergeCell ref="B37:D37"/>
    <mergeCell ref="F37:H37"/>
    <mergeCell ref="A39:B39"/>
    <mergeCell ref="F39:G39"/>
    <mergeCell ref="A2:H2"/>
    <mergeCell ref="B5:D5"/>
    <mergeCell ref="F5:H5"/>
    <mergeCell ref="A6:C6"/>
    <mergeCell ref="D6:H6"/>
    <mergeCell ref="G18:H18"/>
    <mergeCell ref="A21:B21"/>
    <mergeCell ref="C21:H21"/>
    <mergeCell ref="A12:A15"/>
    <mergeCell ref="A16:B16"/>
    <mergeCell ref="A17:B17"/>
    <mergeCell ref="C17:D17"/>
    <mergeCell ref="A18:B18"/>
    <mergeCell ref="C18:E18"/>
    <mergeCell ref="C19:H19"/>
    <mergeCell ref="A19:B20"/>
    <mergeCell ref="C20:H20"/>
    <mergeCell ref="A57:A62"/>
    <mergeCell ref="B57:H57"/>
    <mergeCell ref="B58:H59"/>
    <mergeCell ref="B60:H60"/>
    <mergeCell ref="B61:H62"/>
    <mergeCell ref="B10:D10"/>
    <mergeCell ref="F10:H10"/>
    <mergeCell ref="B11:D11"/>
    <mergeCell ref="F11:H11"/>
    <mergeCell ref="A22:B22"/>
    <mergeCell ref="C22:H22"/>
    <mergeCell ref="A24:B24"/>
    <mergeCell ref="C24:E24"/>
    <mergeCell ref="G24:H24"/>
    <mergeCell ref="A31:B31"/>
    <mergeCell ref="C31:E31"/>
    <mergeCell ref="G31:H31"/>
    <mergeCell ref="B32:D32"/>
    <mergeCell ref="F32:H32"/>
    <mergeCell ref="A33:B34"/>
    <mergeCell ref="E33:H33"/>
    <mergeCell ref="C34:H34"/>
    <mergeCell ref="A25:A26"/>
    <mergeCell ref="B25:E25"/>
  </mergeCells>
  <phoneticPr fontId="3"/>
  <pageMargins left="0.82677165354330717" right="0.47244094488188981" top="0.62992125984251968" bottom="0.55118110236220474" header="0.31496062992125984" footer="0.31496062992125984"/>
  <pageSetup paperSize="9" scale="93" orientation="portrait" r:id="rId1"/>
  <rowBreaks count="2" manualBreakCount="2">
    <brk id="30" max="16383" man="1"/>
    <brk id="52" max="16383"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3</vt:i4>
      </vt:variant>
      <vt:variant>
        <vt:lpstr>名前付き一覧</vt:lpstr>
      </vt:variant>
      <vt:variant>
        <vt:i4>5</vt:i4>
      </vt:variant>
    </vt:vector>
  </HeadingPairs>
  <TitlesOfParts>
    <vt:vector size="18" baseType="lpstr">
      <vt:lpstr>様式１参加申込</vt:lpstr>
      <vt:lpstr>様式２誓約書</vt:lpstr>
      <vt:lpstr>様式３法人概要</vt:lpstr>
      <vt:lpstr>様式４履歴書（代表者）</vt:lpstr>
      <vt:lpstr>様式５役員名簿</vt:lpstr>
      <vt:lpstr>様式6履歴書（施設長）</vt:lpstr>
      <vt:lpstr>様式7職員配置</vt:lpstr>
      <vt:lpstr>様式8配置計画</vt:lpstr>
      <vt:lpstr>様式9事業計画</vt:lpstr>
      <vt:lpstr>様式10開設資金</vt:lpstr>
      <vt:lpstr>様式11収支計画</vt:lpstr>
      <vt:lpstr>様式12償還計画</vt:lpstr>
      <vt:lpstr>様式13保育内容</vt:lpstr>
      <vt:lpstr>様式13保育内容!Print_Area</vt:lpstr>
      <vt:lpstr>様式１参加申込!Print_Area</vt:lpstr>
      <vt:lpstr>様式２誓約書!Print_Area</vt:lpstr>
      <vt:lpstr>様式13保育内容!Print_Titles</vt:lpstr>
      <vt:lpstr>様式9事業計画!Print_Titles</vt:lpstr>
    </vt:vector>
  </TitlesOfParts>
  <Company>伊丹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cp:lastPrinted>2021-01-29T08:54:08Z</cp:lastPrinted>
  <dcterms:created xsi:type="dcterms:W3CDTF">2017-05-29T09:18:17Z</dcterms:created>
  <dcterms:modified xsi:type="dcterms:W3CDTF">2021-01-29T08:54:39Z</dcterms:modified>
</cp:coreProperties>
</file>